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tags/tag3.xml" ContentType="application/vnd.openxmlformats-officedocument.presentationml.tags+xml"/>
  <Override PartName="/ppt/notesSlides/notesSlide3.xml" ContentType="application/vnd.openxmlformats-officedocument.presentationml.notesSlide+xml"/>
  <Override PartName="/ppt/tags/tag4.xml" ContentType="application/vnd.openxmlformats-officedocument.presentationml.tags+xml"/>
  <Override PartName="/ppt/notesSlides/notesSlide4.xml" ContentType="application/vnd.openxmlformats-officedocument.presentationml.notesSlide+xml"/>
  <Override PartName="/ppt/tags/tag5.xml" ContentType="application/vnd.openxmlformats-officedocument.presentationml.tags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31"/>
  </p:notesMasterIdLst>
  <p:sldIdLst>
    <p:sldId id="257" r:id="rId16"/>
    <p:sldId id="256" r:id="rId17"/>
    <p:sldId id="380" r:id="rId18"/>
    <p:sldId id="356" r:id="rId19"/>
    <p:sldId id="357" r:id="rId20"/>
    <p:sldId id="298" r:id="rId21"/>
    <p:sldId id="364" r:id="rId22"/>
    <p:sldId id="358" r:id="rId23"/>
    <p:sldId id="359" r:id="rId24"/>
    <p:sldId id="363" r:id="rId25"/>
    <p:sldId id="379" r:id="rId26"/>
    <p:sldId id="355" r:id="rId27"/>
    <p:sldId id="382" r:id="rId28"/>
    <p:sldId id="378" r:id="rId29"/>
    <p:sldId id="377" r:id="rId30"/>
  </p:sldIdLst>
  <p:sldSz cx="12192000" cy="6858000"/>
  <p:notesSz cx="7099300" cy="10234613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0000"/>
    <a:srgbClr val="DDCBA4"/>
    <a:srgbClr val="E5F2A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4068332-1943-4C66-B1B0-E7C87C3BA496}" v="6" dt="2022-09-04T14:30:37.72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6510" autoAdjust="0"/>
    <p:restoredTop sz="94662" autoAdjust="0"/>
  </p:normalViewPr>
  <p:slideViewPr>
    <p:cSldViewPr snapToGrid="0" showGuides="1">
      <p:cViewPr varScale="1">
        <p:scale>
          <a:sx n="106" d="100"/>
          <a:sy n="106" d="100"/>
        </p:scale>
        <p:origin x="186" y="228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7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5/09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9700" y="768350"/>
            <a:ext cx="6819900" cy="3836988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752" tIns="47376" rIns="94752" bIns="47376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1" y="4861444"/>
            <a:ext cx="5679440" cy="4605576"/>
          </a:xfrm>
          <a:prstGeom prst="rect">
            <a:avLst/>
          </a:prstGeom>
        </p:spPr>
        <p:txBody>
          <a:bodyPr vert="horz" lIns="94752" tIns="47376" rIns="94752" bIns="47376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7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40945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2143974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981297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707930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72698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b7e5f2a0-79b4-4df1-9927-b970af9eddb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Biorobot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03113827-e04d-43e1-84ca-7889c6030572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une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8870EA-1C98-4DD0-9660-6D0E7FDD9A64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cec31f44-2b9b-4ebf-bef4-bf4db7bb7df1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3953907f-4fb2-4af6-8b51-26ec4cce2240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F5B7637-A22A-4D3C-B58B-9E4FB77688C9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10cdd606-091a-4f48-a446-41b2aa1aab67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Biorobot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2373C88E-FC89-49F7-9B85-3A1CF371F5CC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051481D-D2F2-4A27-8C65-B8635D906D78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E35E21-A7FD-4E51-A9F3-C8BEC9A43323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01AC1CE-CD25-45EF-8352-9548F118AA3F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35bf690c-838b-4fd7-85cd-cb0fbdb4c8c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909b52da-edda-4361-a03a-5e8d32a9e95b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AC5BE7B-EEE7-49B7-9B54-4206C31799DB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1AC97F69-19BA-4E64-9841-813F2473546B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f084c6c0-5e85-4951-acfe-94e4f2b8e005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sp>
        <p:nvSpPr>
          <p:cNvPr id="15" name="text" descr="{&quot;templafy&quot;:{&quot;id&quot;:&quot;92ae4fbc-84fa-413a-80b0-e47c00552c60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E0A8748-1412-43ED-820C-159C974758CD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C058B5-FFA9-4CC6-A88F-FA80C982C1D5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92df3218-2473-47f4-9860-43a98e4e250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b346f40c-f13c-4a58-820b-5140e4ebe93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AEED5D86-9978-4282-A252-17E5DF8C7722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3E8E6F52-68EF-477B-9871-3CA3706A4F16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E684270-B314-44CE-8A8A-F2F564B65F6B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cd9741c8-8789-4c25-acf2-07e462de9c4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6 Sept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13" name="text" descr="{&quot;templafy&quot;:{&quot;id&quot;:&quot;8c7c9c3c-6f56-411a-89c2-4779e9849385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1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0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image" Target="../media/image29.png"/><Relationship Id="rId7" Type="http://schemas.openxmlformats.org/officeDocument/2006/relationships/image" Target="../media/image32.png"/><Relationship Id="rId2" Type="http://schemas.openxmlformats.org/officeDocument/2006/relationships/image" Target="../media/image28.jpeg"/><Relationship Id="rId1" Type="http://schemas.openxmlformats.org/officeDocument/2006/relationships/slideLayout" Target="../slideLayouts/slideLayout2.xml"/><Relationship Id="rId6" Type="http://schemas.microsoft.com/office/2007/relationships/hdphoto" Target="../media/hdphoto3.wdp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3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3.xml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1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3" Type="http://schemas.openxmlformats.org/officeDocument/2006/relationships/image" Target="../media/image38.jpeg"/><Relationship Id="rId7" Type="http://schemas.openxmlformats.org/officeDocument/2006/relationships/image" Target="../media/image12.jpeg"/><Relationship Id="rId2" Type="http://schemas.openxmlformats.org/officeDocument/2006/relationships/image" Target="../media/image37.jpeg"/><Relationship Id="rId1" Type="http://schemas.openxmlformats.org/officeDocument/2006/relationships/slideLayout" Target="../slideLayouts/slideLayout7.xml"/><Relationship Id="rId6" Type="http://schemas.microsoft.com/office/2007/relationships/hdphoto" Target="../media/hdphoto4.wdp"/><Relationship Id="rId5" Type="http://schemas.openxmlformats.org/officeDocument/2006/relationships/image" Target="../media/image40.png"/><Relationship Id="rId10" Type="http://schemas.openxmlformats.org/officeDocument/2006/relationships/image" Target="../media/image42.png"/><Relationship Id="rId4" Type="http://schemas.openxmlformats.org/officeDocument/2006/relationships/image" Target="../media/image39.png"/><Relationship Id="rId9" Type="http://schemas.microsoft.com/office/2007/relationships/hdphoto" Target="../media/hdphoto5.wdp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jpeg"/><Relationship Id="rId3" Type="http://schemas.microsoft.com/office/2007/relationships/hdphoto" Target="../media/hdphoto1.wdp"/><Relationship Id="rId7" Type="http://schemas.microsoft.com/office/2007/relationships/hdphoto" Target="../media/hdphoto2.wdp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6.png"/><Relationship Id="rId11" Type="http://schemas.openxmlformats.org/officeDocument/2006/relationships/hyperlink" Target="https://github.com/Jonasjcmh/ISR_2022_Arduino101" TargetMode="External"/><Relationship Id="rId5" Type="http://schemas.openxmlformats.org/officeDocument/2006/relationships/image" Target="../media/image5.jpeg"/><Relationship Id="rId10" Type="http://schemas.openxmlformats.org/officeDocument/2006/relationships/image" Target="../media/image9.png"/><Relationship Id="rId4" Type="http://schemas.openxmlformats.org/officeDocument/2006/relationships/image" Target="../media/image4.png"/><Relationship Id="rId9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Jonasjcmh/ISR_2022_Arduino101" TargetMode="External"/><Relationship Id="rId2" Type="http://schemas.openxmlformats.org/officeDocument/2006/relationships/hyperlink" Target="https://github.com/bendlabs/one_axis_ads" TargetMode="Externa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8.png"/><Relationship Id="rId5" Type="http://schemas.openxmlformats.org/officeDocument/2006/relationships/image" Target="../media/image18.svg"/><Relationship Id="rId4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eg"/><Relationship Id="rId2" Type="http://schemas.openxmlformats.org/officeDocument/2006/relationships/image" Target="../media/image22.jpe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68316" y="900294"/>
            <a:ext cx="10876913" cy="4070408"/>
          </a:xfrm>
        </p:spPr>
        <p:txBody>
          <a:bodyPr/>
          <a:lstStyle/>
          <a:p>
            <a:r>
              <a:rPr lang="en-GB" sz="6600" dirty="0"/>
              <a:t>Introduction to Soft Robotics</a:t>
            </a:r>
            <a:br>
              <a:rPr lang="en-GB" sz="3600" dirty="0"/>
            </a:br>
            <a:br>
              <a:rPr lang="en-GB" sz="3600" dirty="0"/>
            </a:br>
            <a:br>
              <a:rPr lang="en-GB" sz="3600" dirty="0"/>
            </a:br>
            <a:r>
              <a:rPr lang="en-US" sz="3600" dirty="0"/>
              <a:t>Autumn 2022</a:t>
            </a:r>
            <a:br>
              <a:rPr lang="en-US" sz="3600" dirty="0"/>
            </a:br>
            <a:br>
              <a:rPr lang="en-US" sz="3600" dirty="0"/>
            </a:br>
            <a:r>
              <a:rPr lang="en-US" sz="3200" dirty="0"/>
              <a:t>Instructors: Ahmad Rafsanjani, Jonas </a:t>
            </a:r>
            <a:r>
              <a:rPr lang="en-US" sz="3200" dirty="0" err="1"/>
              <a:t>Jørgensen</a:t>
            </a:r>
            <a:endParaRPr lang="en-GB" sz="32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97B577A-096A-4771-A39B-4E2666BB2668}" type="datetime1">
              <a:rPr lang="en-GB" smtClean="0"/>
              <a:pPr/>
              <a:t>05/09/2022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DED5146-20BD-26BE-FF54-37FB011B4597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E53DDF9-E4BF-4D22-AC7A-5B8B716F3A35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3A9EC62-F358-4340-927F-132589FF633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1853" y="2298316"/>
            <a:ext cx="5772150" cy="100012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76F2091A-444B-4EF0-B945-7CB8F3E6187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1853" y="3559560"/>
            <a:ext cx="8239125" cy="40005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D37F645-9D70-4FAE-8A2C-DDA3215EF2A8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594"/>
          <a:stretch/>
        </p:blipFill>
        <p:spPr>
          <a:xfrm>
            <a:off x="901853" y="4471101"/>
            <a:ext cx="5495925" cy="120583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96961A35-B528-D6A0-B80D-11E13600B8AC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37893959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4:</a:t>
            </a:r>
            <a:br>
              <a:rPr lang="en-GB" sz="5800" dirty="0"/>
            </a:br>
            <a:r>
              <a:rPr lang="en-GB" sz="5800" dirty="0"/>
              <a:t>Bendlabs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036461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id="{F4EA99FD-0EA9-4349-B77D-2528E5425BA3}"/>
              </a:ext>
            </a:extLst>
          </p:cNvPr>
          <p:cNvSpPr/>
          <p:nvPr/>
        </p:nvSpPr>
        <p:spPr>
          <a:xfrm>
            <a:off x="7660987" y="2282916"/>
            <a:ext cx="3937820" cy="3421625"/>
          </a:xfrm>
          <a:prstGeom prst="rect">
            <a:avLst/>
          </a:prstGeom>
          <a:solidFill>
            <a:schemeClr val="tx1">
              <a:lumMod val="75000"/>
              <a:lumOff val="25000"/>
            </a:schemeClr>
          </a:solidFill>
          <a:ln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1026" name="Picture 2" descr="Home - Bend Labs">
            <a:extLst>
              <a:ext uri="{FF2B5EF4-FFF2-40B4-BE49-F238E27FC236}">
                <a16:creationId xmlns:a16="http://schemas.microsoft.com/office/drawing/2014/main" id="{05AF6646-DC3E-4297-92D8-9228B8C9BB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590588" y="426324"/>
            <a:ext cx="3010824" cy="20072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 descr="Graphical user interface&#10;&#10;Description automatically generated">
            <a:extLst>
              <a:ext uri="{FF2B5EF4-FFF2-40B4-BE49-F238E27FC236}">
                <a16:creationId xmlns:a16="http://schemas.microsoft.com/office/drawing/2014/main" id="{2EE79DAE-6D13-49BD-970D-F7CDB2B5D0C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41" y="1380172"/>
            <a:ext cx="7623696" cy="4347036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0FF32C13-6B23-467D-AA81-619115B4033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3707" b="48794"/>
          <a:stretch/>
        </p:blipFill>
        <p:spPr>
          <a:xfrm>
            <a:off x="7660987" y="1361487"/>
            <a:ext cx="2392602" cy="916498"/>
          </a:xfrm>
          <a:prstGeom prst="rect">
            <a:avLst/>
          </a:prstGeom>
        </p:spPr>
      </p:pic>
      <p:pic>
        <p:nvPicPr>
          <p:cNvPr id="30" name="Picture 29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29F9FA64-EBA4-49D1-A63E-ED2A97CE87E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10000" b="90000" l="10000" r="90000">
                        <a14:foregroundMark x1="50344" y1="35610" x2="59667" y2="30562"/>
                        <a14:foregroundMark x1="48583" y1="36563" x2="49333" y2="36157"/>
                        <a14:backgroundMark x1="42750" y1="32063" x2="52083" y2="30688"/>
                        <a14:backgroundMark x1="52083" y1="30688" x2="60083" y2="26875"/>
                        <a14:backgroundMark x1="60083" y1="26875" x2="54333" y2="19438"/>
                        <a14:backgroundMark x1="54333" y1="19438" x2="25167" y2="10688"/>
                        <a14:backgroundMark x1="25167" y1="10688" x2="34167" y2="5813"/>
                        <a14:backgroundMark x1="34167" y1="5813" x2="44250" y2="12375"/>
                        <a14:backgroundMark x1="44250" y1="12375" x2="40583" y2="20938"/>
                        <a14:backgroundMark x1="40583" y1="20938" x2="33333" y2="15438"/>
                        <a14:backgroundMark x1="33333" y1="15438" x2="35083" y2="8563"/>
                        <a14:backgroundMark x1="35083" y1="8563" x2="57917" y2="22500"/>
                        <a14:backgroundMark x1="57917" y1="22500" x2="57311" y2="31188"/>
                        <a14:backgroundMark x1="55550" y1="32141" x2="46417" y2="32563"/>
                        <a14:backgroundMark x1="46417" y1="32563" x2="42833" y2="25125"/>
                        <a14:backgroundMark x1="42833" y1="25125" x2="45917" y2="22250"/>
                        <a14:backgroundMark x1="46583" y1="34063" x2="50583" y2="34000"/>
                        <a14:backgroundMark x1="50833" y1="33938" x2="48333" y2="35500"/>
                      </a14:backgroundRemoval>
                    </a14:imgEffect>
                    <a14:imgEffect>
                      <a14:artisticPlasticWrap trans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49894"/>
          <a:stretch/>
        </p:blipFill>
        <p:spPr>
          <a:xfrm rot="15306521">
            <a:off x="8045169" y="1626666"/>
            <a:ext cx="5143500" cy="3436260"/>
          </a:xfrm>
          <a:prstGeom prst="rect">
            <a:avLst/>
          </a:prstGeom>
          <a:effectLst>
            <a:outerShdw blurRad="50800" dist="50800" dir="5400000" algn="ctr" rotWithShape="0">
              <a:srgbClr val="000000">
                <a:alpha val="0"/>
              </a:srgbClr>
            </a:outerShdw>
          </a:effectLst>
        </p:spPr>
      </p:pic>
      <p:grpSp>
        <p:nvGrpSpPr>
          <p:cNvPr id="29" name="Group 28">
            <a:extLst>
              <a:ext uri="{FF2B5EF4-FFF2-40B4-BE49-F238E27FC236}">
                <a16:creationId xmlns:a16="http://schemas.microsoft.com/office/drawing/2014/main" id="{94F42135-16C2-44CF-BE91-85C07E17C399}"/>
              </a:ext>
            </a:extLst>
          </p:cNvPr>
          <p:cNvGrpSpPr/>
          <p:nvPr/>
        </p:nvGrpSpPr>
        <p:grpSpPr>
          <a:xfrm>
            <a:off x="6998951" y="1714500"/>
            <a:ext cx="4785037" cy="5143500"/>
            <a:chOff x="6976202" y="1655615"/>
            <a:chExt cx="4785037" cy="5143500"/>
          </a:xfrm>
        </p:grpSpPr>
        <p:pic>
          <p:nvPicPr>
            <p:cNvPr id="13" name="Picture 12" descr="A pair of scissors&#10;&#10;Description automatically generated with low confidence">
              <a:extLst>
                <a:ext uri="{FF2B5EF4-FFF2-40B4-BE49-F238E27FC236}">
                  <a16:creationId xmlns:a16="http://schemas.microsoft.com/office/drawing/2014/main" id="{F7991550-24F5-470F-8337-D6AC413C658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>
              <a:extLst>
                <a:ext uri="{BEBA8EAE-BF5A-486C-A8C5-ECC9F3942E4B}">
                  <a14:imgProps xmlns:a14="http://schemas.microsoft.com/office/drawing/2010/main">
                    <a14:imgLayer r:embed="rId6">
                      <a14:imgEffect>
                        <a14:backgroundRemoval t="10000" b="90000" l="10000" r="90000">
                          <a14:foregroundMark x1="50344" y1="35610" x2="59667" y2="30562"/>
                          <a14:foregroundMark x1="48583" y1="36563" x2="49333" y2="36157"/>
                          <a14:backgroundMark x1="42750" y1="32063" x2="52083" y2="30688"/>
                          <a14:backgroundMark x1="52083" y1="30688" x2="60083" y2="26875"/>
                          <a14:backgroundMark x1="60083" y1="26875" x2="54333" y2="19438"/>
                          <a14:backgroundMark x1="54333" y1="19438" x2="25167" y2="10688"/>
                          <a14:backgroundMark x1="25167" y1="10688" x2="34167" y2="5813"/>
                          <a14:backgroundMark x1="34167" y1="5813" x2="44250" y2="12375"/>
                          <a14:backgroundMark x1="44250" y1="12375" x2="40583" y2="20938"/>
                          <a14:backgroundMark x1="40583" y1="20938" x2="33333" y2="15438"/>
                          <a14:backgroundMark x1="33333" y1="15438" x2="35083" y2="8563"/>
                          <a14:backgroundMark x1="35083" y1="8563" x2="57917" y2="22500"/>
                          <a14:backgroundMark x1="57917" y1="22500" x2="57311" y2="31188"/>
                          <a14:backgroundMark x1="55550" y1="32141" x2="46417" y2="32563"/>
                          <a14:backgroundMark x1="46417" y1="32563" x2="42833" y2="25125"/>
                          <a14:backgroundMark x1="42833" y1="25125" x2="45917" y2="22250"/>
                          <a14:backgroundMark x1="46583" y1="34063" x2="50583" y2="34000"/>
                          <a14:backgroundMark x1="50833" y1="33938" x2="48333" y2="35500"/>
                        </a14:backgroundRemoval>
                      </a14:imgEffect>
                      <a14:imgEffect>
                        <a14:artisticPlasticWrap trans="100000" smoothness="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30595"/>
            <a:stretch/>
          </p:blipFill>
          <p:spPr>
            <a:xfrm rot="18227900">
              <a:off x="6784363" y="1847454"/>
              <a:ext cx="5143500" cy="4759822"/>
            </a:xfrm>
            <a:prstGeom prst="rect">
              <a:avLst/>
            </a:prstGeom>
          </p:spPr>
        </p:pic>
        <p:sp>
          <p:nvSpPr>
            <p:cNvPr id="28" name="Partial Circle 27">
              <a:extLst>
                <a:ext uri="{FF2B5EF4-FFF2-40B4-BE49-F238E27FC236}">
                  <a16:creationId xmlns:a16="http://schemas.microsoft.com/office/drawing/2014/main" id="{1EEE3E86-BC61-446F-B858-B7E899E09AB5}"/>
                </a:ext>
              </a:extLst>
            </p:cNvPr>
            <p:cNvSpPr/>
            <p:nvPr/>
          </p:nvSpPr>
          <p:spPr>
            <a:xfrm rot="6052691">
              <a:off x="10659413" y="2495338"/>
              <a:ext cx="1147151" cy="1056501"/>
            </a:xfrm>
            <a:prstGeom prst="pie">
              <a:avLst>
                <a:gd name="adj1" fmla="val 1831632"/>
                <a:gd name="adj2" fmla="val 5149437"/>
              </a:avLst>
            </a:prstGeom>
            <a:solidFill>
              <a:srgbClr val="7030A0"/>
            </a:solidFill>
            <a:ln>
              <a:solidFill>
                <a:srgbClr val="7030A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>
                <a:solidFill>
                  <a:schemeClr val="tx1"/>
                </a:solidFill>
              </a:endParaRPr>
            </a:p>
          </p:txBody>
        </p:sp>
        <p:cxnSp>
          <p:nvCxnSpPr>
            <p:cNvPr id="15" name="Straight Arrow Connector 14">
              <a:extLst>
                <a:ext uri="{FF2B5EF4-FFF2-40B4-BE49-F238E27FC236}">
                  <a16:creationId xmlns:a16="http://schemas.microsoft.com/office/drawing/2014/main" id="{0E1F34F8-6795-4C70-90FD-E4177EC963A2}"/>
                </a:ext>
              </a:extLst>
            </p:cNvPr>
            <p:cNvCxnSpPr>
              <a:cxnSpLocks/>
            </p:cNvCxnSpPr>
            <p:nvPr/>
          </p:nvCxnSpPr>
          <p:spPr>
            <a:xfrm flipH="1" flipV="1">
              <a:off x="7660988" y="2808133"/>
              <a:ext cx="3598779" cy="221226"/>
            </a:xfrm>
            <a:prstGeom prst="straightConnector1">
              <a:avLst/>
            </a:prstGeom>
            <a:ln w="38100">
              <a:solidFill>
                <a:srgbClr val="7030A0"/>
              </a:solidFill>
              <a:prstDash val="lgDash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D7827C11-B285-4526-832D-CE5CB50852AA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9091754" y="3029359"/>
              <a:ext cx="2146517" cy="2302291"/>
            </a:xfrm>
            <a:prstGeom prst="straightConnector1">
              <a:avLst/>
            </a:prstGeom>
            <a:ln w="38100">
              <a:solidFill>
                <a:srgbClr val="7030A0"/>
              </a:solidFill>
              <a:prstDash val="lgDash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4267ED54-73CF-4CA2-AF4E-82F4C4EF3C6B}"/>
                </a:ext>
              </a:extLst>
            </p:cNvPr>
            <p:cNvSpPr txBox="1"/>
            <p:nvPr/>
          </p:nvSpPr>
          <p:spPr>
            <a:xfrm>
              <a:off x="10687153" y="2964534"/>
              <a:ext cx="749594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GB" sz="1800" dirty="0">
                  <a:solidFill>
                    <a:schemeClr val="bg1"/>
                  </a:solidFill>
                </a:rPr>
                <a:t>∆ꝋ</a:t>
              </a:r>
              <a:endParaRPr lang="da-DK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4C07E65-2E1E-4BD1-9298-A7CB1F20D450}"/>
              </a:ext>
            </a:extLst>
          </p:cNvPr>
          <p:cNvCxnSpPr>
            <a:cxnSpLocks/>
          </p:cNvCxnSpPr>
          <p:nvPr/>
        </p:nvCxnSpPr>
        <p:spPr>
          <a:xfrm flipH="1">
            <a:off x="10628733" y="3088244"/>
            <a:ext cx="632287" cy="1380517"/>
          </a:xfrm>
          <a:prstGeom prst="straightConnector1">
            <a:avLst/>
          </a:prstGeom>
          <a:ln w="38100">
            <a:solidFill>
              <a:srgbClr val="00B050"/>
            </a:solidFill>
            <a:prstDash val="lgDash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28" name="Partial Circle 1027">
            <a:extLst>
              <a:ext uri="{FF2B5EF4-FFF2-40B4-BE49-F238E27FC236}">
                <a16:creationId xmlns:a16="http://schemas.microsoft.com/office/drawing/2014/main" id="{FF6A851A-ECB6-4436-B5E3-4E0CA514E6DC}"/>
              </a:ext>
            </a:extLst>
          </p:cNvPr>
          <p:cNvSpPr/>
          <p:nvPr/>
        </p:nvSpPr>
        <p:spPr>
          <a:xfrm rot="15399871">
            <a:off x="10744998" y="2589124"/>
            <a:ext cx="997071" cy="1055240"/>
          </a:xfrm>
          <a:prstGeom prst="pie">
            <a:avLst>
              <a:gd name="adj1" fmla="val 12810813"/>
              <a:gd name="adj2" fmla="val 14083276"/>
            </a:avLst>
          </a:prstGeom>
          <a:solidFill>
            <a:srgbClr val="00B050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029" name="Oval 1028">
            <a:extLst>
              <a:ext uri="{FF2B5EF4-FFF2-40B4-BE49-F238E27FC236}">
                <a16:creationId xmlns:a16="http://schemas.microsoft.com/office/drawing/2014/main" id="{4FA26B37-B2FF-41FF-8360-01BB800152F7}"/>
              </a:ext>
            </a:extLst>
          </p:cNvPr>
          <p:cNvSpPr/>
          <p:nvPr/>
        </p:nvSpPr>
        <p:spPr>
          <a:xfrm>
            <a:off x="11182513" y="3051374"/>
            <a:ext cx="135707" cy="109545"/>
          </a:xfrm>
          <a:prstGeom prst="ellipse">
            <a:avLst/>
          </a:prstGeom>
          <a:solidFill>
            <a:srgbClr val="FF0000"/>
          </a:solidFill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031" name="Arc 1030">
            <a:extLst>
              <a:ext uri="{FF2B5EF4-FFF2-40B4-BE49-F238E27FC236}">
                <a16:creationId xmlns:a16="http://schemas.microsoft.com/office/drawing/2014/main" id="{BA3250D0-2BED-49A0-AA7C-9B586F4CEEAF}"/>
              </a:ext>
            </a:extLst>
          </p:cNvPr>
          <p:cNvSpPr/>
          <p:nvPr/>
        </p:nvSpPr>
        <p:spPr>
          <a:xfrm rot="4810253">
            <a:off x="6987322" y="1575915"/>
            <a:ext cx="4374097" cy="3410488"/>
          </a:xfrm>
          <a:custGeom>
            <a:avLst/>
            <a:gdLst>
              <a:gd name="connsiteX0" fmla="*/ 3604993 w 4374097"/>
              <a:gd name="connsiteY0" fmla="*/ 406950 h 3410488"/>
              <a:gd name="connsiteX1" fmla="*/ 4304718 w 4374097"/>
              <a:gd name="connsiteY1" fmla="*/ 2131348 h 3410488"/>
              <a:gd name="connsiteX2" fmla="*/ 3775301 w 4374097"/>
              <a:gd name="connsiteY2" fmla="*/ 2024822 h 3410488"/>
              <a:gd name="connsiteX3" fmla="*/ 3203530 w 4374097"/>
              <a:gd name="connsiteY3" fmla="*/ 1909774 h 3410488"/>
              <a:gd name="connsiteX4" fmla="*/ 2737643 w 4374097"/>
              <a:gd name="connsiteY4" fmla="*/ 1816031 h 3410488"/>
              <a:gd name="connsiteX5" fmla="*/ 2187049 w 4374097"/>
              <a:gd name="connsiteY5" fmla="*/ 1705244 h 3410488"/>
              <a:gd name="connsiteX6" fmla="*/ 2555714 w 4374097"/>
              <a:gd name="connsiteY6" fmla="*/ 1367688 h 3410488"/>
              <a:gd name="connsiteX7" fmla="*/ 2938559 w 4374097"/>
              <a:gd name="connsiteY7" fmla="*/ 1017148 h 3410488"/>
              <a:gd name="connsiteX8" fmla="*/ 3604993 w 4374097"/>
              <a:gd name="connsiteY8" fmla="*/ 406950 h 3410488"/>
              <a:gd name="connsiteX0" fmla="*/ 3604993 w 4374097"/>
              <a:gd name="connsiteY0" fmla="*/ 406950 h 3410488"/>
              <a:gd name="connsiteX1" fmla="*/ 4304718 w 4374097"/>
              <a:gd name="connsiteY1" fmla="*/ 2131348 h 34104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4374097" h="3410488" stroke="0" extrusionOk="0">
                <a:moveTo>
                  <a:pt x="3604993" y="406950"/>
                </a:moveTo>
                <a:cubicBezTo>
                  <a:pt x="4368084" y="924369"/>
                  <a:pt x="4453941" y="1505975"/>
                  <a:pt x="4304718" y="2131348"/>
                </a:cubicBezTo>
                <a:cubicBezTo>
                  <a:pt x="4148303" y="2127577"/>
                  <a:pt x="3892612" y="2029091"/>
                  <a:pt x="3775301" y="2024822"/>
                </a:cubicBezTo>
                <a:cubicBezTo>
                  <a:pt x="3657990" y="2020553"/>
                  <a:pt x="3363519" y="1930936"/>
                  <a:pt x="3203530" y="1909774"/>
                </a:cubicBezTo>
                <a:cubicBezTo>
                  <a:pt x="3043541" y="1888612"/>
                  <a:pt x="2961879" y="1833480"/>
                  <a:pt x="2737643" y="1816031"/>
                </a:cubicBezTo>
                <a:cubicBezTo>
                  <a:pt x="2513407" y="1798582"/>
                  <a:pt x="2318249" y="1723845"/>
                  <a:pt x="2187049" y="1705244"/>
                </a:cubicBezTo>
                <a:cubicBezTo>
                  <a:pt x="2338682" y="1560860"/>
                  <a:pt x="2469547" y="1482833"/>
                  <a:pt x="2555714" y="1367688"/>
                </a:cubicBezTo>
                <a:cubicBezTo>
                  <a:pt x="2641881" y="1252543"/>
                  <a:pt x="2814550" y="1137884"/>
                  <a:pt x="2938559" y="1017148"/>
                </a:cubicBezTo>
                <a:cubicBezTo>
                  <a:pt x="3062568" y="896412"/>
                  <a:pt x="3490647" y="599794"/>
                  <a:pt x="3604993" y="406950"/>
                </a:cubicBezTo>
                <a:close/>
              </a:path>
              <a:path w="4374097" h="3410488" fill="none" extrusionOk="0">
                <a:moveTo>
                  <a:pt x="3604993" y="406950"/>
                </a:moveTo>
                <a:cubicBezTo>
                  <a:pt x="4267246" y="939923"/>
                  <a:pt x="4652940" y="1628643"/>
                  <a:pt x="4304718" y="2131348"/>
                </a:cubicBezTo>
              </a:path>
            </a:pathLst>
          </a:custGeom>
          <a:noFill/>
          <a:ln w="57150">
            <a:solidFill>
              <a:srgbClr val="0070C0">
                <a:alpha val="67000"/>
              </a:srgbClr>
            </a:solidFill>
            <a:extLst>
              <a:ext uri="{C807C97D-BFC1-408E-A445-0C87EB9F89A2}">
                <ask:lineSketchStyleProps xmlns:ask="http://schemas.microsoft.com/office/drawing/2018/sketchyshapes" sd="3135246577">
                  <a:prstGeom prst="arc">
                    <a:avLst>
                      <a:gd name="adj1" fmla="val 19051335"/>
                      <a:gd name="adj2" fmla="val 682607"/>
                    </a:avLst>
                  </a:prstGeom>
                  <ask:type>
                    <ask:lineSketchScribble/>
                  </ask:type>
                </ask:lineSketchStyleProps>
              </a:ext>
            </a:extLst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41" name="Picture 40">
            <a:extLst>
              <a:ext uri="{FF2B5EF4-FFF2-40B4-BE49-F238E27FC236}">
                <a16:creationId xmlns:a16="http://schemas.microsoft.com/office/drawing/2014/main" id="{99172A86-B4E6-486E-BD55-3EE884B1E765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62006" r="28976"/>
          <a:stretch/>
        </p:blipFill>
        <p:spPr>
          <a:xfrm>
            <a:off x="9834067" y="1373864"/>
            <a:ext cx="1764740" cy="680025"/>
          </a:xfrm>
          <a:prstGeom prst="rect">
            <a:avLst/>
          </a:prstGeom>
        </p:spPr>
      </p:pic>
      <p:pic>
        <p:nvPicPr>
          <p:cNvPr id="1033" name="Picture 1032">
            <a:extLst>
              <a:ext uri="{FF2B5EF4-FFF2-40B4-BE49-F238E27FC236}">
                <a16:creationId xmlns:a16="http://schemas.microsoft.com/office/drawing/2014/main" id="{646C83CF-F7B0-448A-BB5B-5C98BECF8CD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56157" y="331975"/>
            <a:ext cx="2856274" cy="863357"/>
          </a:xfrm>
          <a:prstGeom prst="rect">
            <a:avLst/>
          </a:prstGeom>
        </p:spPr>
      </p:pic>
      <p:pic>
        <p:nvPicPr>
          <p:cNvPr id="1035" name="Picture 1034">
            <a:extLst>
              <a:ext uri="{FF2B5EF4-FFF2-40B4-BE49-F238E27FC236}">
                <a16:creationId xmlns:a16="http://schemas.microsoft.com/office/drawing/2014/main" id="{C8C1A731-C77E-4599-91D5-04136943B73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949998" y="1001856"/>
            <a:ext cx="1699797" cy="483928"/>
          </a:xfrm>
          <a:prstGeom prst="rect">
            <a:avLst/>
          </a:prstGeom>
        </p:spPr>
      </p:pic>
      <p:sp>
        <p:nvSpPr>
          <p:cNvPr id="46" name="TextBox 45">
            <a:extLst>
              <a:ext uri="{FF2B5EF4-FFF2-40B4-BE49-F238E27FC236}">
                <a16:creationId xmlns:a16="http://schemas.microsoft.com/office/drawing/2014/main" id="{7A2F7EF4-4AA4-4DE4-8CCF-D76169A7FDC1}"/>
              </a:ext>
            </a:extLst>
          </p:cNvPr>
          <p:cNvSpPr txBox="1"/>
          <p:nvPr/>
        </p:nvSpPr>
        <p:spPr>
          <a:xfrm>
            <a:off x="786828" y="5866714"/>
            <a:ext cx="408897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Bendlabs sensor – Logic Level Converter – Arduino connection diagram</a:t>
            </a:r>
            <a:endParaRPr lang="da-DK" sz="900" b="1" dirty="0"/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EF1AF99-5511-4535-A1D9-D2B730FF9E17}"/>
              </a:ext>
            </a:extLst>
          </p:cNvPr>
          <p:cNvSpPr txBox="1"/>
          <p:nvPr/>
        </p:nvSpPr>
        <p:spPr>
          <a:xfrm>
            <a:off x="5281579" y="5369627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4-channel Logic Level Converter</a:t>
            </a:r>
            <a:endParaRPr lang="da-DK" sz="900" b="1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02107477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104862" y="528991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3A6D30-47B9-485E-92A2-364BFE6A7756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542498" y="1026406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5D064AE-81D2-26B1-10EE-B1311DFD915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8C6F829-4707-52DD-CBB2-6EE95BB415B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2498" y="1641873"/>
            <a:ext cx="9561590" cy="139187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0719058-39B4-1FEF-D061-16635E86250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2498" y="3196803"/>
            <a:ext cx="4574496" cy="2987426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F6BFD9F3-4BA4-3AFF-6F88-62BEB17698F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71175" y="4115682"/>
            <a:ext cx="4324449" cy="12610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81040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5:</a:t>
            </a:r>
            <a:br>
              <a:rPr lang="en-GB" sz="5800" dirty="0"/>
            </a:br>
            <a:r>
              <a:rPr lang="en-GB" sz="5800" dirty="0"/>
              <a:t>System integration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1606159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FB9AF7F-2FC5-4EAB-BE51-DD3FC2E8295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881549-CC20-46A6-A3FE-55049530AA6B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19" name="Picture 18" descr="A close-up of a computer&#10;&#10;Description automatically generated with low confidence">
            <a:extLst>
              <a:ext uri="{FF2B5EF4-FFF2-40B4-BE49-F238E27FC236}">
                <a16:creationId xmlns:a16="http://schemas.microsoft.com/office/drawing/2014/main" id="{CB88ACC8-ABA7-442C-9C06-7E6A1CA94B9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9868" y="1640975"/>
            <a:ext cx="4144910" cy="2440565"/>
          </a:xfrm>
          <a:prstGeom prst="rect">
            <a:avLst/>
          </a:prstGeom>
        </p:spPr>
      </p:pic>
      <p:pic>
        <p:nvPicPr>
          <p:cNvPr id="20" name="Picture 19" descr="A close-up of a computer chip&#10;&#10;Description automatically generated with medium confidence">
            <a:extLst>
              <a:ext uri="{FF2B5EF4-FFF2-40B4-BE49-F238E27FC236}">
                <a16:creationId xmlns:a16="http://schemas.microsoft.com/office/drawing/2014/main" id="{8BE109CC-6547-436C-A707-135A7DBA852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57982" y="4193936"/>
            <a:ext cx="2116096" cy="1423494"/>
          </a:xfrm>
          <a:prstGeom prst="rect">
            <a:avLst/>
          </a:prstGeom>
        </p:spPr>
      </p:pic>
      <p:cxnSp>
        <p:nvCxnSpPr>
          <p:cNvPr id="21" name="Connector: Elbow 20">
            <a:extLst>
              <a:ext uri="{FF2B5EF4-FFF2-40B4-BE49-F238E27FC236}">
                <a16:creationId xmlns:a16="http://schemas.microsoft.com/office/drawing/2014/main" id="{3081B1A4-3187-4969-BC58-FB2CB3261161}"/>
              </a:ext>
            </a:extLst>
          </p:cNvPr>
          <p:cNvCxnSpPr>
            <a:cxnSpLocks/>
          </p:cNvCxnSpPr>
          <p:nvPr/>
        </p:nvCxnSpPr>
        <p:spPr>
          <a:xfrm rot="16200000" flipH="1">
            <a:off x="2455254" y="3970124"/>
            <a:ext cx="1705700" cy="931601"/>
          </a:xfrm>
          <a:prstGeom prst="bentConnector3">
            <a:avLst>
              <a:gd name="adj1" fmla="val 100000"/>
            </a:avLst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Connector: Elbow 21">
            <a:extLst>
              <a:ext uri="{FF2B5EF4-FFF2-40B4-BE49-F238E27FC236}">
                <a16:creationId xmlns:a16="http://schemas.microsoft.com/office/drawing/2014/main" id="{0E98C162-9ED2-493D-9C31-9AF0270FAF1A}"/>
              </a:ext>
            </a:extLst>
          </p:cNvPr>
          <p:cNvCxnSpPr>
            <a:cxnSpLocks/>
          </p:cNvCxnSpPr>
          <p:nvPr/>
        </p:nvCxnSpPr>
        <p:spPr>
          <a:xfrm rot="16200000" flipH="1">
            <a:off x="3022067" y="3604634"/>
            <a:ext cx="773399" cy="730276"/>
          </a:xfrm>
          <a:prstGeom prst="bentConnector3">
            <a:avLst>
              <a:gd name="adj1" fmla="val 100821"/>
            </a:avLst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Connector: Elbow 22">
            <a:extLst>
              <a:ext uri="{FF2B5EF4-FFF2-40B4-BE49-F238E27FC236}">
                <a16:creationId xmlns:a16="http://schemas.microsoft.com/office/drawing/2014/main" id="{5DB754FE-FAB5-42FB-BD40-820287CDD577}"/>
              </a:ext>
            </a:extLst>
          </p:cNvPr>
          <p:cNvCxnSpPr>
            <a:cxnSpLocks/>
          </p:cNvCxnSpPr>
          <p:nvPr/>
        </p:nvCxnSpPr>
        <p:spPr>
          <a:xfrm rot="16200000" flipH="1">
            <a:off x="2639763" y="4118460"/>
            <a:ext cx="1630776" cy="637508"/>
          </a:xfrm>
          <a:prstGeom prst="bentConnector3">
            <a:avLst>
              <a:gd name="adj1" fmla="val 99052"/>
            </a:avLst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Connector: Elbow 23">
            <a:extLst>
              <a:ext uri="{FF2B5EF4-FFF2-40B4-BE49-F238E27FC236}">
                <a16:creationId xmlns:a16="http://schemas.microsoft.com/office/drawing/2014/main" id="{FA93B9A1-A7C9-4AAB-93BA-E5488AC4D511}"/>
              </a:ext>
            </a:extLst>
          </p:cNvPr>
          <p:cNvCxnSpPr>
            <a:cxnSpLocks/>
          </p:cNvCxnSpPr>
          <p:nvPr/>
        </p:nvCxnSpPr>
        <p:spPr>
          <a:xfrm rot="16200000" flipH="1">
            <a:off x="2931771" y="3586376"/>
            <a:ext cx="845434" cy="838833"/>
          </a:xfrm>
          <a:prstGeom prst="bentConnector3">
            <a:avLst>
              <a:gd name="adj1" fmla="val 98246"/>
            </a:avLst>
          </a:prstGeom>
          <a:ln w="381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30D445E1-5B0F-4140-ACFF-8C0E7ACDDEBD}"/>
              </a:ext>
            </a:extLst>
          </p:cNvPr>
          <p:cNvCxnSpPr>
            <a:cxnSpLocks/>
          </p:cNvCxnSpPr>
          <p:nvPr/>
        </p:nvCxnSpPr>
        <p:spPr>
          <a:xfrm>
            <a:off x="5068378" y="4955309"/>
            <a:ext cx="0" cy="297293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50F92273-4859-4ACC-8DB8-21F4C2A4C04A}"/>
              </a:ext>
            </a:extLst>
          </p:cNvPr>
          <p:cNvCxnSpPr>
            <a:cxnSpLocks/>
          </p:cNvCxnSpPr>
          <p:nvPr/>
        </p:nvCxnSpPr>
        <p:spPr>
          <a:xfrm>
            <a:off x="5019769" y="4954595"/>
            <a:ext cx="0" cy="352739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26727DAB-7C37-4351-8CFE-A9DA332DAD0F}"/>
              </a:ext>
            </a:extLst>
          </p:cNvPr>
          <p:cNvCxnSpPr>
            <a:cxnSpLocks/>
          </p:cNvCxnSpPr>
          <p:nvPr/>
        </p:nvCxnSpPr>
        <p:spPr>
          <a:xfrm>
            <a:off x="5017782" y="4420090"/>
            <a:ext cx="0" cy="352739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4F7D68C4-A9EE-4487-906F-BD75840274C8}"/>
              </a:ext>
            </a:extLst>
          </p:cNvPr>
          <p:cNvCxnSpPr>
            <a:cxnSpLocks/>
          </p:cNvCxnSpPr>
          <p:nvPr/>
        </p:nvCxnSpPr>
        <p:spPr>
          <a:xfrm flipH="1">
            <a:off x="5065410" y="4381799"/>
            <a:ext cx="2967" cy="390844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9" name="Picture 28" descr="Graphical user interface&#10;&#10;Description automatically generated">
            <a:extLst>
              <a:ext uri="{FF2B5EF4-FFF2-40B4-BE49-F238E27FC236}">
                <a16:creationId xmlns:a16="http://schemas.microsoft.com/office/drawing/2014/main" id="{1E3F682B-7966-4010-92A5-7FB2449A8F46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23756" y="2497657"/>
            <a:ext cx="2595801" cy="719739"/>
          </a:xfrm>
          <a:prstGeom prst="rect">
            <a:avLst/>
          </a:prstGeom>
        </p:spPr>
      </p:pic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0FFBFBB4-9D99-4A8B-A4A8-7AB7C1B04471}"/>
              </a:ext>
            </a:extLst>
          </p:cNvPr>
          <p:cNvCxnSpPr>
            <a:cxnSpLocks/>
          </p:cNvCxnSpPr>
          <p:nvPr/>
        </p:nvCxnSpPr>
        <p:spPr>
          <a:xfrm flipV="1">
            <a:off x="5651817" y="2698987"/>
            <a:ext cx="1" cy="2608347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6C5F17E5-A3B0-4A68-9745-BEDC618FC60F}"/>
              </a:ext>
            </a:extLst>
          </p:cNvPr>
          <p:cNvCxnSpPr>
            <a:cxnSpLocks/>
          </p:cNvCxnSpPr>
          <p:nvPr/>
        </p:nvCxnSpPr>
        <p:spPr>
          <a:xfrm flipH="1">
            <a:off x="5634055" y="2698987"/>
            <a:ext cx="758540" cy="5614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855C7587-4A8E-43FB-A434-AE64CF8D092C}"/>
              </a:ext>
            </a:extLst>
          </p:cNvPr>
          <p:cNvCxnSpPr>
            <a:cxnSpLocks/>
          </p:cNvCxnSpPr>
          <p:nvPr/>
        </p:nvCxnSpPr>
        <p:spPr>
          <a:xfrm flipH="1">
            <a:off x="5244101" y="5295634"/>
            <a:ext cx="416617" cy="0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6EA9CF3B-208D-43F3-97D6-4FBC31127FDE}"/>
              </a:ext>
            </a:extLst>
          </p:cNvPr>
          <p:cNvCxnSpPr>
            <a:cxnSpLocks/>
          </p:cNvCxnSpPr>
          <p:nvPr/>
        </p:nvCxnSpPr>
        <p:spPr>
          <a:xfrm flipH="1">
            <a:off x="5548011" y="2640045"/>
            <a:ext cx="844585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3C54C1F0-169F-4148-BA84-D9E4D5FCEFB7}"/>
              </a:ext>
            </a:extLst>
          </p:cNvPr>
          <p:cNvCxnSpPr>
            <a:cxnSpLocks/>
          </p:cNvCxnSpPr>
          <p:nvPr/>
        </p:nvCxnSpPr>
        <p:spPr>
          <a:xfrm flipV="1">
            <a:off x="5564382" y="2640045"/>
            <a:ext cx="0" cy="2620663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696EA863-D6BF-41CF-A1FD-949FE47F53CB}"/>
              </a:ext>
            </a:extLst>
          </p:cNvPr>
          <p:cNvCxnSpPr>
            <a:cxnSpLocks/>
          </p:cNvCxnSpPr>
          <p:nvPr/>
        </p:nvCxnSpPr>
        <p:spPr>
          <a:xfrm flipH="1">
            <a:off x="5865486" y="2816872"/>
            <a:ext cx="524143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13D2D0E-4A02-46BB-BF5F-E1717FB36FE3}"/>
              </a:ext>
            </a:extLst>
          </p:cNvPr>
          <p:cNvCxnSpPr>
            <a:cxnSpLocks/>
          </p:cNvCxnSpPr>
          <p:nvPr/>
        </p:nvCxnSpPr>
        <p:spPr>
          <a:xfrm flipH="1">
            <a:off x="5981201" y="2873007"/>
            <a:ext cx="402493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5A6B3270-9752-4ABD-BF14-684CC36B0EFD}"/>
              </a:ext>
            </a:extLst>
          </p:cNvPr>
          <p:cNvCxnSpPr>
            <a:cxnSpLocks/>
          </p:cNvCxnSpPr>
          <p:nvPr/>
        </p:nvCxnSpPr>
        <p:spPr>
          <a:xfrm flipV="1">
            <a:off x="5874366" y="2805646"/>
            <a:ext cx="7473" cy="2672472"/>
          </a:xfrm>
          <a:prstGeom prst="line">
            <a:avLst/>
          </a:prstGeom>
          <a:ln w="38100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9CDF0768-70D7-455C-9CFE-746B9D0451EA}"/>
              </a:ext>
            </a:extLst>
          </p:cNvPr>
          <p:cNvCxnSpPr>
            <a:cxnSpLocks/>
          </p:cNvCxnSpPr>
          <p:nvPr/>
        </p:nvCxnSpPr>
        <p:spPr>
          <a:xfrm flipH="1">
            <a:off x="5114778" y="5464041"/>
            <a:ext cx="774404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3C1E1A5F-FBAE-41F8-9D11-30712FF4C585}"/>
              </a:ext>
            </a:extLst>
          </p:cNvPr>
          <p:cNvCxnSpPr>
            <a:cxnSpLocks/>
          </p:cNvCxnSpPr>
          <p:nvPr/>
        </p:nvCxnSpPr>
        <p:spPr>
          <a:xfrm>
            <a:off x="5114778" y="4951788"/>
            <a:ext cx="0" cy="523522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9C623297-ACA2-44BD-B2C7-AE5C639AAAB0}"/>
              </a:ext>
            </a:extLst>
          </p:cNvPr>
          <p:cNvCxnSpPr>
            <a:cxnSpLocks/>
          </p:cNvCxnSpPr>
          <p:nvPr/>
        </p:nvCxnSpPr>
        <p:spPr>
          <a:xfrm flipV="1">
            <a:off x="5988543" y="2867373"/>
            <a:ext cx="13103" cy="2720002"/>
          </a:xfrm>
          <a:prstGeom prst="line">
            <a:avLst/>
          </a:prstGeom>
          <a:ln w="38100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25D080A5-A7BB-427D-9014-439ABD4986E3}"/>
              </a:ext>
            </a:extLst>
          </p:cNvPr>
          <p:cNvCxnSpPr>
            <a:cxnSpLocks/>
          </p:cNvCxnSpPr>
          <p:nvPr/>
        </p:nvCxnSpPr>
        <p:spPr>
          <a:xfrm flipH="1">
            <a:off x="5163375" y="5576105"/>
            <a:ext cx="838271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6D66AE20-3194-4320-B365-88FD02616347}"/>
              </a:ext>
            </a:extLst>
          </p:cNvPr>
          <p:cNvCxnSpPr>
            <a:cxnSpLocks/>
          </p:cNvCxnSpPr>
          <p:nvPr/>
        </p:nvCxnSpPr>
        <p:spPr>
          <a:xfrm>
            <a:off x="5163375" y="4951788"/>
            <a:ext cx="0" cy="635586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5A49FDE6-F4CB-4664-AACA-802031ECC18F}"/>
              </a:ext>
            </a:extLst>
          </p:cNvPr>
          <p:cNvCxnSpPr>
            <a:cxnSpLocks/>
          </p:cNvCxnSpPr>
          <p:nvPr/>
        </p:nvCxnSpPr>
        <p:spPr>
          <a:xfrm flipH="1">
            <a:off x="5244103" y="5252602"/>
            <a:ext cx="326214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56158316-28A4-45F8-BC52-C6E88916DDA8}"/>
              </a:ext>
            </a:extLst>
          </p:cNvPr>
          <p:cNvCxnSpPr>
            <a:cxnSpLocks/>
          </p:cNvCxnSpPr>
          <p:nvPr/>
        </p:nvCxnSpPr>
        <p:spPr>
          <a:xfrm flipH="1" flipV="1">
            <a:off x="5114778" y="1471863"/>
            <a:ext cx="6103" cy="3250122"/>
          </a:xfrm>
          <a:prstGeom prst="line">
            <a:avLst/>
          </a:prstGeom>
          <a:ln w="38100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BBDDA1A0-1479-4E89-B3ED-7DE6C3314C66}"/>
              </a:ext>
            </a:extLst>
          </p:cNvPr>
          <p:cNvCxnSpPr>
            <a:cxnSpLocks/>
          </p:cNvCxnSpPr>
          <p:nvPr/>
        </p:nvCxnSpPr>
        <p:spPr>
          <a:xfrm flipV="1">
            <a:off x="5171347" y="1342751"/>
            <a:ext cx="0" cy="3375480"/>
          </a:xfrm>
          <a:prstGeom prst="line">
            <a:avLst/>
          </a:prstGeom>
          <a:ln w="38100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1AB57AB9-6C97-47A5-9D8B-0D40FDE37EA7}"/>
              </a:ext>
            </a:extLst>
          </p:cNvPr>
          <p:cNvCxnSpPr>
            <a:cxnSpLocks/>
          </p:cNvCxnSpPr>
          <p:nvPr/>
        </p:nvCxnSpPr>
        <p:spPr>
          <a:xfrm flipH="1">
            <a:off x="2156666" y="1342751"/>
            <a:ext cx="3032484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929E3EFA-67F0-4194-8981-BF910AF10C3C}"/>
              </a:ext>
            </a:extLst>
          </p:cNvPr>
          <p:cNvCxnSpPr>
            <a:cxnSpLocks/>
          </p:cNvCxnSpPr>
          <p:nvPr/>
        </p:nvCxnSpPr>
        <p:spPr>
          <a:xfrm flipH="1">
            <a:off x="2279397" y="1471863"/>
            <a:ext cx="2841484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DD0E7FD4-4C4B-4A75-B5EE-6BD8D0CE1248}"/>
              </a:ext>
            </a:extLst>
          </p:cNvPr>
          <p:cNvCxnSpPr>
            <a:cxnSpLocks/>
          </p:cNvCxnSpPr>
          <p:nvPr/>
        </p:nvCxnSpPr>
        <p:spPr>
          <a:xfrm>
            <a:off x="2285331" y="1471863"/>
            <a:ext cx="1886" cy="336814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6B4036E1-720F-4791-B685-C53A13DFFC52}"/>
              </a:ext>
            </a:extLst>
          </p:cNvPr>
          <p:cNvCxnSpPr>
            <a:cxnSpLocks/>
          </p:cNvCxnSpPr>
          <p:nvPr/>
        </p:nvCxnSpPr>
        <p:spPr>
          <a:xfrm>
            <a:off x="2174655" y="1342751"/>
            <a:ext cx="0" cy="465925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Isosceles Triangle 49">
            <a:extLst>
              <a:ext uri="{FF2B5EF4-FFF2-40B4-BE49-F238E27FC236}">
                <a16:creationId xmlns:a16="http://schemas.microsoft.com/office/drawing/2014/main" id="{A10D9433-9A21-493D-A10C-5CF258584C51}"/>
              </a:ext>
            </a:extLst>
          </p:cNvPr>
          <p:cNvSpPr/>
          <p:nvPr/>
        </p:nvSpPr>
        <p:spPr>
          <a:xfrm rot="9223008">
            <a:off x="5410045" y="4365266"/>
            <a:ext cx="1833180" cy="1270085"/>
          </a:xfrm>
          <a:prstGeom prst="triangle">
            <a:avLst>
              <a:gd name="adj" fmla="val 4033"/>
            </a:avLst>
          </a:prstGeom>
          <a:solidFill>
            <a:srgbClr val="92D050">
              <a:alpha val="12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1" name="Oval 50">
            <a:extLst>
              <a:ext uri="{FF2B5EF4-FFF2-40B4-BE49-F238E27FC236}">
                <a16:creationId xmlns:a16="http://schemas.microsoft.com/office/drawing/2014/main" id="{EA3DE4C7-7725-4D0C-B31E-17EE6CEFFBD2}"/>
              </a:ext>
            </a:extLst>
          </p:cNvPr>
          <p:cNvSpPr/>
          <p:nvPr/>
        </p:nvSpPr>
        <p:spPr>
          <a:xfrm>
            <a:off x="6597016" y="3855548"/>
            <a:ext cx="1496747" cy="1349808"/>
          </a:xfrm>
          <a:prstGeom prst="ellipse">
            <a:avLst/>
          </a:prstGeom>
          <a:solidFill>
            <a:schemeClr val="bg1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52" name="Picture 10" descr="BOB-12009 | SparkFun Electronics Bi-Directional Logic Voltage Level  Converter | Distrelec Export Shop">
            <a:extLst>
              <a:ext uri="{FF2B5EF4-FFF2-40B4-BE49-F238E27FC236}">
                <a16:creationId xmlns:a16="http://schemas.microsoft.com/office/drawing/2014/main" id="{B1FB8C1C-594D-4CB3-9101-C9A7DCDF8EE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10000" b="90000" l="10000" r="9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23756" y="3991831"/>
            <a:ext cx="2078273" cy="10986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157B1028-E067-4DA2-B170-735ED42EFF17}"/>
              </a:ext>
            </a:extLst>
          </p:cNvPr>
          <p:cNvCxnSpPr>
            <a:cxnSpLocks/>
          </p:cNvCxnSpPr>
          <p:nvPr/>
        </p:nvCxnSpPr>
        <p:spPr>
          <a:xfrm>
            <a:off x="7790999" y="4839725"/>
            <a:ext cx="0" cy="189102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EA09F61B-B80D-429A-87B6-820E44331F31}"/>
              </a:ext>
            </a:extLst>
          </p:cNvPr>
          <p:cNvCxnSpPr>
            <a:cxnSpLocks/>
          </p:cNvCxnSpPr>
          <p:nvPr/>
        </p:nvCxnSpPr>
        <p:spPr>
          <a:xfrm>
            <a:off x="7790999" y="4003160"/>
            <a:ext cx="0" cy="25425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A5555AF1-6826-443E-BC1C-7C94CE867475}"/>
              </a:ext>
            </a:extLst>
          </p:cNvPr>
          <p:cNvCxnSpPr>
            <a:cxnSpLocks/>
          </p:cNvCxnSpPr>
          <p:nvPr/>
        </p:nvCxnSpPr>
        <p:spPr>
          <a:xfrm>
            <a:off x="7621657" y="3950376"/>
            <a:ext cx="0" cy="296017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4A24C2FD-74F7-43EF-B49A-55575B5D31E6}"/>
              </a:ext>
            </a:extLst>
          </p:cNvPr>
          <p:cNvCxnSpPr>
            <a:cxnSpLocks/>
          </p:cNvCxnSpPr>
          <p:nvPr/>
        </p:nvCxnSpPr>
        <p:spPr>
          <a:xfrm>
            <a:off x="7632012" y="4834948"/>
            <a:ext cx="0" cy="296017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C18706D6-0FA3-4AFE-8B93-C0CB9D0EB809}"/>
              </a:ext>
            </a:extLst>
          </p:cNvPr>
          <p:cNvCxnSpPr>
            <a:cxnSpLocks/>
          </p:cNvCxnSpPr>
          <p:nvPr/>
        </p:nvCxnSpPr>
        <p:spPr>
          <a:xfrm>
            <a:off x="7445725" y="4852299"/>
            <a:ext cx="0" cy="353058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8CED37A0-B798-431B-AA9F-345F17ACE6CC}"/>
              </a:ext>
            </a:extLst>
          </p:cNvPr>
          <p:cNvCxnSpPr>
            <a:cxnSpLocks/>
          </p:cNvCxnSpPr>
          <p:nvPr/>
        </p:nvCxnSpPr>
        <p:spPr>
          <a:xfrm>
            <a:off x="7436809" y="3874915"/>
            <a:ext cx="0" cy="353058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D6ACAC73-4A13-45E6-B3E8-86470BE339CE}"/>
              </a:ext>
            </a:extLst>
          </p:cNvPr>
          <p:cNvCxnSpPr>
            <a:cxnSpLocks/>
          </p:cNvCxnSpPr>
          <p:nvPr/>
        </p:nvCxnSpPr>
        <p:spPr>
          <a:xfrm>
            <a:off x="7281943" y="4852298"/>
            <a:ext cx="0" cy="353058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9F29382D-E36A-488E-B6B5-E401FD172952}"/>
              </a:ext>
            </a:extLst>
          </p:cNvPr>
          <p:cNvCxnSpPr>
            <a:cxnSpLocks/>
          </p:cNvCxnSpPr>
          <p:nvPr/>
        </p:nvCxnSpPr>
        <p:spPr>
          <a:xfrm>
            <a:off x="7281943" y="3874915"/>
            <a:ext cx="0" cy="353058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9" name="Picture 8" descr="A picture containing engineering drawing&#10;&#10;Description automatically generated">
            <a:extLst>
              <a:ext uri="{FF2B5EF4-FFF2-40B4-BE49-F238E27FC236}">
                <a16:creationId xmlns:a16="http://schemas.microsoft.com/office/drawing/2014/main" id="{DC62BAE7-DACC-4341-8F34-25BBF97E27B9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562" t="-1002" r="15340" b="45030"/>
          <a:stretch/>
        </p:blipFill>
        <p:spPr>
          <a:xfrm>
            <a:off x="0" y="2704601"/>
            <a:ext cx="1250035" cy="1334619"/>
          </a:xfrm>
          <a:prstGeom prst="rect">
            <a:avLst/>
          </a:prstGeom>
        </p:spPr>
      </p:pic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67FE2D9-FA41-4409-AE42-5AC899FABD4D}"/>
              </a:ext>
            </a:extLst>
          </p:cNvPr>
          <p:cNvCxnSpPr>
            <a:cxnSpLocks/>
          </p:cNvCxnSpPr>
          <p:nvPr/>
        </p:nvCxnSpPr>
        <p:spPr>
          <a:xfrm>
            <a:off x="419158" y="3915956"/>
            <a:ext cx="0" cy="341454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7DDD0D38-E0A9-47F6-A7A5-7D2EDC45C3E4}"/>
              </a:ext>
            </a:extLst>
          </p:cNvPr>
          <p:cNvCxnSpPr>
            <a:cxnSpLocks/>
          </p:cNvCxnSpPr>
          <p:nvPr/>
        </p:nvCxnSpPr>
        <p:spPr>
          <a:xfrm>
            <a:off x="419158" y="4246393"/>
            <a:ext cx="3126090" cy="0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4BDA4F5C-CAB7-48ED-A9FF-5A2CC49BBF15}"/>
              </a:ext>
            </a:extLst>
          </p:cNvPr>
          <p:cNvCxnSpPr>
            <a:cxnSpLocks/>
          </p:cNvCxnSpPr>
          <p:nvPr/>
        </p:nvCxnSpPr>
        <p:spPr>
          <a:xfrm flipH="1">
            <a:off x="3545248" y="3608922"/>
            <a:ext cx="7121" cy="648488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011CD0A-5F6A-4D4F-9BA6-353E7A3E9D87}"/>
              </a:ext>
            </a:extLst>
          </p:cNvPr>
          <p:cNvCxnSpPr>
            <a:cxnSpLocks/>
          </p:cNvCxnSpPr>
          <p:nvPr/>
        </p:nvCxnSpPr>
        <p:spPr>
          <a:xfrm>
            <a:off x="497488" y="3904939"/>
            <a:ext cx="0" cy="1698589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D438541C-FD2B-43AA-9B7A-0E8805B97C12}"/>
              </a:ext>
            </a:extLst>
          </p:cNvPr>
          <p:cNvCxnSpPr>
            <a:cxnSpLocks/>
          </p:cNvCxnSpPr>
          <p:nvPr/>
        </p:nvCxnSpPr>
        <p:spPr>
          <a:xfrm>
            <a:off x="497488" y="5587374"/>
            <a:ext cx="3503944" cy="14869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D820C3D-5DC6-4104-94A6-D784D0D3D152}"/>
              </a:ext>
            </a:extLst>
          </p:cNvPr>
          <p:cNvCxnSpPr>
            <a:cxnSpLocks/>
          </p:cNvCxnSpPr>
          <p:nvPr/>
        </p:nvCxnSpPr>
        <p:spPr>
          <a:xfrm>
            <a:off x="3991837" y="5233194"/>
            <a:ext cx="0" cy="384235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FA649F4-F10D-4E09-95B5-4B657E3244AC}"/>
              </a:ext>
            </a:extLst>
          </p:cNvPr>
          <p:cNvCxnSpPr>
            <a:cxnSpLocks/>
          </p:cNvCxnSpPr>
          <p:nvPr/>
        </p:nvCxnSpPr>
        <p:spPr>
          <a:xfrm>
            <a:off x="575642" y="3950376"/>
            <a:ext cx="6076" cy="1429824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520775BD-1DC4-4B9A-8EFC-2BAD3E9188CF}"/>
              </a:ext>
            </a:extLst>
          </p:cNvPr>
          <p:cNvCxnSpPr>
            <a:cxnSpLocks/>
          </p:cNvCxnSpPr>
          <p:nvPr/>
        </p:nvCxnSpPr>
        <p:spPr>
          <a:xfrm>
            <a:off x="581719" y="5370703"/>
            <a:ext cx="3355180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A60834A-A806-45F7-A255-9042AC2E16AD}"/>
              </a:ext>
            </a:extLst>
          </p:cNvPr>
          <p:cNvCxnSpPr>
            <a:cxnSpLocks/>
          </p:cNvCxnSpPr>
          <p:nvPr/>
        </p:nvCxnSpPr>
        <p:spPr>
          <a:xfrm>
            <a:off x="3934674" y="5276405"/>
            <a:ext cx="0" cy="103795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TextBox 60">
            <a:extLst>
              <a:ext uri="{FF2B5EF4-FFF2-40B4-BE49-F238E27FC236}">
                <a16:creationId xmlns:a16="http://schemas.microsoft.com/office/drawing/2014/main" id="{B3D7B498-2EFC-49B5-BC92-F200069FECE0}"/>
              </a:ext>
            </a:extLst>
          </p:cNvPr>
          <p:cNvSpPr txBox="1"/>
          <p:nvPr/>
        </p:nvSpPr>
        <p:spPr>
          <a:xfrm>
            <a:off x="2424085" y="5988285"/>
            <a:ext cx="485785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GB" sz="900" b="1" dirty="0"/>
              <a:t>Figure 1. Connection Scheme for a Bendlabs and MPX5100 pressure sensor for Arduino Uno</a:t>
            </a:r>
            <a:endParaRPr lang="da-DK" sz="900" b="1" dirty="0"/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F36B988F-DDB4-5EE3-DBEA-299B720BDD45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63" name="Picture 62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CF96AFA1-D81D-0308-5B15-04953565CB56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ackgroundRemoval t="10000" b="90000" l="10000" r="90000">
                        <a14:backgroundMark x1="26653" y1="60217" x2="46901" y2="49845"/>
                        <a14:backgroundMark x1="46901" y1="49845" x2="44421" y2="42260"/>
                        <a14:backgroundMark x1="49793" y1="43808" x2="51653" y2="52322"/>
                        <a14:backgroundMark x1="48347" y1="40402" x2="52066" y2="51393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9892"/>
          <a:stretch/>
        </p:blipFill>
        <p:spPr>
          <a:xfrm rot="17882516">
            <a:off x="8824842" y="1166916"/>
            <a:ext cx="2420981" cy="2263049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04251C5B-B8B7-AE20-BBCA-0333AB57E7B2}"/>
              </a:ext>
            </a:extLst>
          </p:cNvPr>
          <p:cNvSpPr/>
          <p:nvPr/>
        </p:nvSpPr>
        <p:spPr>
          <a:xfrm>
            <a:off x="6182126" y="2170173"/>
            <a:ext cx="3011385" cy="1296023"/>
          </a:xfrm>
          <a:prstGeom prst="ellipse">
            <a:avLst/>
          </a:prstGeom>
          <a:solidFill>
            <a:srgbClr val="00B0F0">
              <a:alpha val="34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rgbClr val="0070C0"/>
              </a:solidFill>
            </a:endParaRPr>
          </a:p>
        </p:txBody>
      </p:sp>
      <p:sp>
        <p:nvSpPr>
          <p:cNvPr id="3" name="Isosceles Triangle 2">
            <a:extLst>
              <a:ext uri="{FF2B5EF4-FFF2-40B4-BE49-F238E27FC236}">
                <a16:creationId xmlns:a16="http://schemas.microsoft.com/office/drawing/2014/main" id="{BE30E71A-8662-B586-8BF1-208BCE4B556B}"/>
              </a:ext>
            </a:extLst>
          </p:cNvPr>
          <p:cNvSpPr/>
          <p:nvPr/>
        </p:nvSpPr>
        <p:spPr>
          <a:xfrm rot="2291201">
            <a:off x="8894537" y="1875015"/>
            <a:ext cx="566392" cy="726643"/>
          </a:xfrm>
          <a:prstGeom prst="triangle">
            <a:avLst>
              <a:gd name="adj" fmla="val 9043"/>
            </a:avLst>
          </a:prstGeom>
          <a:solidFill>
            <a:srgbClr val="00B0F0">
              <a:alpha val="34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2C30212-6BDC-5CFC-AEF2-650FF4E70C43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 rot="5400000">
            <a:off x="6804654" y="343448"/>
            <a:ext cx="939168" cy="2817504"/>
          </a:xfrm>
          <a:prstGeom prst="rect">
            <a:avLst/>
          </a:prstGeom>
        </p:spPr>
      </p:pic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352A0B4-BA16-A99E-B01E-FE2AF46DB4D3}"/>
              </a:ext>
            </a:extLst>
          </p:cNvPr>
          <p:cNvCxnSpPr>
            <a:cxnSpLocks/>
          </p:cNvCxnSpPr>
          <p:nvPr/>
        </p:nvCxnSpPr>
        <p:spPr>
          <a:xfrm>
            <a:off x="8656162" y="1720388"/>
            <a:ext cx="521571" cy="0"/>
          </a:xfrm>
          <a:prstGeom prst="line">
            <a:avLst/>
          </a:prstGeom>
          <a:ln w="76200">
            <a:solidFill>
              <a:srgbClr val="00B0F0"/>
            </a:solidFill>
          </a:ln>
        </p:spPr>
        <p:style>
          <a:lnRef idx="2">
            <a:schemeClr val="accent2"/>
          </a:lnRef>
          <a:fillRef idx="0">
            <a:schemeClr val="accent2"/>
          </a:fillRef>
          <a:effectRef idx="1">
            <a:schemeClr val="accent2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4070385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1:</a:t>
            </a:r>
            <a:br>
              <a:rPr lang="en-GB" sz="5800" dirty="0"/>
            </a:br>
            <a:r>
              <a:rPr lang="en-GB" sz="5800" dirty="0"/>
              <a:t>Arduino 101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526719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2" name="Picture 2" descr="Se kildebilledet">
            <a:extLst>
              <a:ext uri="{FF2B5EF4-FFF2-40B4-BE49-F238E27FC236}">
                <a16:creationId xmlns:a16="http://schemas.microsoft.com/office/drawing/2014/main" id="{6D4FB7FB-E5F3-2C4B-2ADC-2F146B667ED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ackgroundRemoval t="10000" b="90000" l="10000" r="9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6200000">
            <a:off x="2924186" y="3301024"/>
            <a:ext cx="2613515" cy="36071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F53FBE77-6A9B-EB84-2C6F-0C7ABB671A42}"/>
              </a:ext>
            </a:extLst>
          </p:cNvPr>
          <p:cNvSpPr txBox="1"/>
          <p:nvPr/>
        </p:nvSpPr>
        <p:spPr>
          <a:xfrm>
            <a:off x="428296" y="816633"/>
            <a:ext cx="1009031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 b="1" dirty="0"/>
              <a:t>Arduino Uno and Serial communication</a:t>
            </a:r>
            <a:endParaRPr lang="da-DK" sz="24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238D943-42A7-DF25-B7A8-2500C2A7D38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1974" y="1278298"/>
            <a:ext cx="5811304" cy="2613516"/>
          </a:xfrm>
          <a:prstGeom prst="rect">
            <a:avLst/>
          </a:prstGeom>
        </p:spPr>
      </p:pic>
      <p:pic>
        <p:nvPicPr>
          <p:cNvPr id="10" name="Picture 4" descr="Se kildebilledet">
            <a:extLst>
              <a:ext uri="{FF2B5EF4-FFF2-40B4-BE49-F238E27FC236}">
                <a16:creationId xmlns:a16="http://schemas.microsoft.com/office/drawing/2014/main" id="{5BCC7EDC-4488-31CD-6E1D-215FE9D14BB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732" y="3846786"/>
            <a:ext cx="2098193" cy="20981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0D13160-D734-96AD-E6EC-D7350DA55E9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ackgroundRemoval t="10000" b="90000" l="10000" r="90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 rot="16200000">
            <a:off x="2857362" y="4464596"/>
            <a:ext cx="400528" cy="462043"/>
          </a:xfrm>
          <a:prstGeom prst="rect">
            <a:avLst/>
          </a:prstGeom>
        </p:spPr>
      </p:pic>
      <p:pic>
        <p:nvPicPr>
          <p:cNvPr id="1030" name="Picture 6" descr="Se kildebilledet">
            <a:extLst>
              <a:ext uri="{FF2B5EF4-FFF2-40B4-BE49-F238E27FC236}">
                <a16:creationId xmlns:a16="http://schemas.microsoft.com/office/drawing/2014/main" id="{9323BB42-3D48-6625-7143-41E7103156F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064" t="19954" r="9234" b="22207"/>
          <a:stretch/>
        </p:blipFill>
        <p:spPr bwMode="auto">
          <a:xfrm>
            <a:off x="546993" y="4326372"/>
            <a:ext cx="1165670" cy="8252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63191D30-C44D-D2F0-D875-F78FE913445E}"/>
              </a:ext>
            </a:extLst>
          </p:cNvPr>
          <p:cNvCxnSpPr/>
          <p:nvPr/>
        </p:nvCxnSpPr>
        <p:spPr>
          <a:xfrm flipH="1">
            <a:off x="2043211" y="4738978"/>
            <a:ext cx="643233" cy="0"/>
          </a:xfrm>
          <a:prstGeom prst="straightConnector1">
            <a:avLst/>
          </a:prstGeom>
          <a:ln w="57150">
            <a:tailEnd type="triangle"/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pic>
        <p:nvPicPr>
          <p:cNvPr id="31" name="Picture 30">
            <a:extLst>
              <a:ext uri="{FF2B5EF4-FFF2-40B4-BE49-F238E27FC236}">
                <a16:creationId xmlns:a16="http://schemas.microsoft.com/office/drawing/2014/main" id="{1B43BBDE-88D2-8A6F-1DD7-ABFEF5EBFB96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22287" y="4127618"/>
            <a:ext cx="1222720" cy="1222720"/>
          </a:xfrm>
          <a:prstGeom prst="rect">
            <a:avLst/>
          </a:prstGeom>
        </p:spPr>
      </p:pic>
      <p:sp>
        <p:nvSpPr>
          <p:cNvPr id="43" name="TextBox 42">
            <a:extLst>
              <a:ext uri="{FF2B5EF4-FFF2-40B4-BE49-F238E27FC236}">
                <a16:creationId xmlns:a16="http://schemas.microsoft.com/office/drawing/2014/main" id="{61EC270F-886B-3235-D21A-AB2C4E5D9EA8}"/>
              </a:ext>
            </a:extLst>
          </p:cNvPr>
          <p:cNvSpPr txBox="1"/>
          <p:nvPr/>
        </p:nvSpPr>
        <p:spPr>
          <a:xfrm>
            <a:off x="10336530" y="535033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/>
              <a:t>SoRo_101 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5E2D7F7-C187-2DAA-2E8E-1F554D83FA3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034520" y="1278880"/>
            <a:ext cx="4230768" cy="5035209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6AC8BFE3-CBC5-B06C-2B1C-9C1AB2F72117}"/>
              </a:ext>
            </a:extLst>
          </p:cNvPr>
          <p:cNvSpPr txBox="1"/>
          <p:nvPr/>
        </p:nvSpPr>
        <p:spPr>
          <a:xfrm>
            <a:off x="10336530" y="5581170"/>
            <a:ext cx="1561091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dirty="0">
                <a:hlinkClick r:id="rId11"/>
              </a:rPr>
              <a:t>GitHub Link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161836601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2:</a:t>
            </a:r>
            <a:br>
              <a:rPr lang="en-GB" sz="5800" dirty="0"/>
            </a:br>
            <a:r>
              <a:rPr lang="en-GB" sz="5800" dirty="0"/>
              <a:t>MPX5100 Integrated Silicon Pressure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6D1FC1C-9ED7-142D-B5AE-ECA4C8613DD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81F17E0-FBBA-4EC6-BCEC-511242A30F57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6C0AC04-C09D-1BE4-4EA2-C46C5985A534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016140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5CAB30E-E183-48C0-B262-A970D970A635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33" name="Picture 32" descr="Diagram&#10;&#10;Description automatically generated">
            <a:extLst>
              <a:ext uri="{FF2B5EF4-FFF2-40B4-BE49-F238E27FC236}">
                <a16:creationId xmlns:a16="http://schemas.microsoft.com/office/drawing/2014/main" id="{6A9AE994-41D0-49A1-83AD-4131EB13CFA1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20051" y="1763273"/>
            <a:ext cx="5017988" cy="3150507"/>
          </a:xfrm>
          <a:prstGeom prst="rect">
            <a:avLst/>
          </a:prstGeom>
        </p:spPr>
      </p:pic>
      <p:pic>
        <p:nvPicPr>
          <p:cNvPr id="42" name="Picture 41">
            <a:extLst>
              <a:ext uri="{FF2B5EF4-FFF2-40B4-BE49-F238E27FC236}">
                <a16:creationId xmlns:a16="http://schemas.microsoft.com/office/drawing/2014/main" id="{89ED20E3-0DF2-4334-8CA3-9FB95AFE63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5252" y="4554000"/>
            <a:ext cx="3772523" cy="1052421"/>
          </a:xfrm>
          <a:prstGeom prst="rect">
            <a:avLst/>
          </a:prstGeom>
        </p:spPr>
      </p:pic>
      <p:sp>
        <p:nvSpPr>
          <p:cNvPr id="43" name="Rectangle 42">
            <a:extLst>
              <a:ext uri="{FF2B5EF4-FFF2-40B4-BE49-F238E27FC236}">
                <a16:creationId xmlns:a16="http://schemas.microsoft.com/office/drawing/2014/main" id="{A7D5BDCD-7AC3-454C-946A-A93FC2DA09C5}"/>
              </a:ext>
            </a:extLst>
          </p:cNvPr>
          <p:cNvSpPr/>
          <p:nvPr/>
        </p:nvSpPr>
        <p:spPr>
          <a:xfrm>
            <a:off x="2221435" y="4624609"/>
            <a:ext cx="1658532" cy="289171"/>
          </a:xfrm>
          <a:prstGeom prst="rect">
            <a:avLst/>
          </a:prstGeom>
          <a:solidFill>
            <a:schemeClr val="accent1">
              <a:alpha val="49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C43908C-699D-4497-99CD-43B7745E7C07}"/>
              </a:ext>
            </a:extLst>
          </p:cNvPr>
          <p:cNvSpPr txBox="1"/>
          <p:nvPr/>
        </p:nvSpPr>
        <p:spPr>
          <a:xfrm>
            <a:off x="993235" y="804021"/>
            <a:ext cx="1009031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MPX5100, 0 to 100 kPa, Differential, Gauge, and Absolute, Integrated, Pressure Sensor</a:t>
            </a:r>
            <a:endParaRPr lang="da-DK" b="1" dirty="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D0811932-0B1F-4111-8174-25BA6D71F2A8}"/>
              </a:ext>
            </a:extLst>
          </p:cNvPr>
          <p:cNvGrpSpPr/>
          <p:nvPr/>
        </p:nvGrpSpPr>
        <p:grpSpPr>
          <a:xfrm>
            <a:off x="909405" y="1644773"/>
            <a:ext cx="3837858" cy="2192960"/>
            <a:chOff x="612758" y="1434670"/>
            <a:chExt cx="3837858" cy="2192960"/>
          </a:xfrm>
        </p:grpSpPr>
        <p:pic>
          <p:nvPicPr>
            <p:cNvPr id="1042" name="Picture 1041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4819B2A2-D48C-4990-8993-D6B544EB8CE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67435"/>
            <a:stretch/>
          </p:blipFill>
          <p:spPr>
            <a:xfrm>
              <a:off x="2597341" y="1798559"/>
              <a:ext cx="1853275" cy="840899"/>
            </a:xfrm>
            <a:prstGeom prst="rect">
              <a:avLst/>
            </a:prstGeom>
          </p:spPr>
        </p:pic>
        <p:pic>
          <p:nvPicPr>
            <p:cNvPr id="1047" name="Picture 1046">
              <a:extLst>
                <a:ext uri="{FF2B5EF4-FFF2-40B4-BE49-F238E27FC236}">
                  <a16:creationId xmlns:a16="http://schemas.microsoft.com/office/drawing/2014/main" id="{935B056E-D533-4E01-ABFD-C7562AC052D0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696588" y="1474059"/>
              <a:ext cx="814466" cy="1312398"/>
            </a:xfrm>
            <a:prstGeom prst="rect">
              <a:avLst/>
            </a:prstGeom>
          </p:spPr>
        </p:pic>
        <p:pic>
          <p:nvPicPr>
            <p:cNvPr id="60" name="Picture 59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B66ED0F1-DAEC-41DE-AC89-B7FF47ADBC2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5562" t="-1002" r="15340" b="34878"/>
            <a:stretch/>
          </p:blipFill>
          <p:spPr>
            <a:xfrm>
              <a:off x="1568617" y="1434670"/>
              <a:ext cx="1039431" cy="1385922"/>
            </a:xfrm>
            <a:prstGeom prst="rect">
              <a:avLst/>
            </a:prstGeom>
          </p:spPr>
        </p:pic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id="{B51A9DBD-C8E9-44AF-AB91-B685E920487A}"/>
                </a:ext>
              </a:extLst>
            </p:cNvPr>
            <p:cNvGrpSpPr/>
            <p:nvPr/>
          </p:nvGrpSpPr>
          <p:grpSpPr>
            <a:xfrm>
              <a:off x="612758" y="2882884"/>
              <a:ext cx="3772523" cy="744746"/>
              <a:chOff x="1789422" y="2191564"/>
              <a:chExt cx="3969166" cy="744746"/>
            </a:xfrm>
          </p:grpSpPr>
          <p:pic>
            <p:nvPicPr>
              <p:cNvPr id="1050" name="Picture 1049">
                <a:extLst>
                  <a:ext uri="{FF2B5EF4-FFF2-40B4-BE49-F238E27FC236}">
                    <a16:creationId xmlns:a16="http://schemas.microsoft.com/office/drawing/2014/main" id="{D7945B8C-84EF-47CB-84E5-0497B99949B7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/>
              <a:srcRect l="46862"/>
              <a:stretch/>
            </p:blipFill>
            <p:spPr>
              <a:xfrm>
                <a:off x="3413594" y="2191564"/>
                <a:ext cx="2344994" cy="744746"/>
              </a:xfrm>
              <a:prstGeom prst="rect">
                <a:avLst/>
              </a:prstGeom>
            </p:spPr>
          </p:pic>
          <p:pic>
            <p:nvPicPr>
              <p:cNvPr id="85" name="Picture 84">
                <a:extLst>
                  <a:ext uri="{FF2B5EF4-FFF2-40B4-BE49-F238E27FC236}">
                    <a16:creationId xmlns:a16="http://schemas.microsoft.com/office/drawing/2014/main" id="{02E6E2C2-8A92-4AF0-8C6F-9DA276ACCA93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/>
              <a:srcRect l="-518" r="63714"/>
              <a:stretch/>
            </p:blipFill>
            <p:spPr>
              <a:xfrm>
                <a:off x="1789422" y="2191564"/>
                <a:ext cx="1624172" cy="744746"/>
              </a:xfrm>
              <a:prstGeom prst="rect">
                <a:avLst/>
              </a:prstGeom>
            </p:spPr>
          </p:pic>
        </p:grpSp>
      </p:grpSp>
      <p:sp>
        <p:nvSpPr>
          <p:cNvPr id="88" name="TextBox 87">
            <a:extLst>
              <a:ext uri="{FF2B5EF4-FFF2-40B4-BE49-F238E27FC236}">
                <a16:creationId xmlns:a16="http://schemas.microsoft.com/office/drawing/2014/main" id="{ED9791AE-D2DA-45F5-9B67-C725E3597F21}"/>
              </a:ext>
            </a:extLst>
          </p:cNvPr>
          <p:cNvSpPr txBox="1"/>
          <p:nvPr/>
        </p:nvSpPr>
        <p:spPr>
          <a:xfrm>
            <a:off x="810548" y="4092039"/>
            <a:ext cx="408897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MPX5100DP Pinout (top view), Pin functions, and mechanical and electrical specifications</a:t>
            </a:r>
            <a:endParaRPr lang="da-DK" sz="900" b="1" dirty="0"/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D6EEF6F1-BD1E-48FA-BEB8-EA749CABA6A9}"/>
              </a:ext>
            </a:extLst>
          </p:cNvPr>
          <p:cNvSpPr txBox="1"/>
          <p:nvPr/>
        </p:nvSpPr>
        <p:spPr>
          <a:xfrm>
            <a:off x="5930150" y="496619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2. MPX5100DP – Arduino connection diagram</a:t>
            </a:r>
            <a:endParaRPr lang="da-DK" sz="900" b="1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F18377FA-2857-1C62-71CF-2DB598444AC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FFFFFF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FCDEAFB-5C79-C325-FC01-99DD89AA7E24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l="9079" r="12037"/>
          <a:stretch/>
        </p:blipFill>
        <p:spPr>
          <a:xfrm>
            <a:off x="9425503" y="3043681"/>
            <a:ext cx="936962" cy="818172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24FC329B-D4E5-AA54-5BB3-7DAF3E93C94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509984" y="3969583"/>
            <a:ext cx="768001" cy="996615"/>
          </a:xfrm>
          <a:prstGeom prst="rect">
            <a:avLst/>
          </a:prstGeom>
          <a:ln>
            <a:solidFill>
              <a:schemeClr val="tx1"/>
            </a:solidFill>
          </a:ln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8499C372-82A5-DAF7-7DB2-D78100A71CF9}"/>
              </a:ext>
            </a:extLst>
          </p:cNvPr>
          <p:cNvCxnSpPr>
            <a:cxnSpLocks/>
          </p:cNvCxnSpPr>
          <p:nvPr/>
        </p:nvCxnSpPr>
        <p:spPr>
          <a:xfrm>
            <a:off x="8794981" y="4093054"/>
            <a:ext cx="630522" cy="25224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60B8A174-2023-064C-5792-FC492D87C0F8}"/>
              </a:ext>
            </a:extLst>
          </p:cNvPr>
          <p:cNvCxnSpPr>
            <a:cxnSpLocks/>
          </p:cNvCxnSpPr>
          <p:nvPr/>
        </p:nvCxnSpPr>
        <p:spPr>
          <a:xfrm flipV="1">
            <a:off x="8834668" y="3209341"/>
            <a:ext cx="523743" cy="121774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54558604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en-US" sz="1800" b="1" dirty="0"/>
              <a:t>Arduino libraries</a:t>
            </a:r>
          </a:p>
          <a:p>
            <a:r>
              <a:rPr lang="en-US" sz="1800" dirty="0"/>
              <a:t>Download ads Arduino driver at </a:t>
            </a:r>
            <a:r>
              <a:rPr lang="en-US" sz="1800" dirty="0">
                <a:hlinkClick r:id="rId2"/>
              </a:rPr>
              <a:t>GitHub Link </a:t>
            </a:r>
            <a:endParaRPr lang="en-US" sz="1800" dirty="0"/>
          </a:p>
          <a:p>
            <a:r>
              <a:rPr lang="en-US" sz="1800" dirty="0"/>
              <a:t>Copy folder </a:t>
            </a:r>
            <a:r>
              <a:rPr lang="en-US" sz="1800" b="1" i="1" dirty="0" err="1"/>
              <a:t>ads_driver</a:t>
            </a:r>
            <a:r>
              <a:rPr lang="en-US" sz="1800" b="1" i="1" dirty="0"/>
              <a:t> </a:t>
            </a:r>
            <a:r>
              <a:rPr lang="en-US" sz="1800" dirty="0"/>
              <a:t>into </a:t>
            </a:r>
            <a:r>
              <a:rPr lang="en-US" sz="1800" b="1" i="1" dirty="0"/>
              <a:t>Arduino/Libraries </a:t>
            </a:r>
            <a:r>
              <a:rPr lang="en-US" sz="1800" dirty="0"/>
              <a:t>folder</a:t>
            </a:r>
          </a:p>
          <a:p>
            <a:r>
              <a:rPr lang="en-US" sz="1800" dirty="0"/>
              <a:t>Open the </a:t>
            </a:r>
            <a:r>
              <a:rPr lang="en-US" sz="1800" b="1" i="1" dirty="0" err="1"/>
              <a:t>ads.h</a:t>
            </a:r>
            <a:r>
              <a:rPr lang="en-US" sz="1800" i="1" dirty="0"/>
              <a:t> </a:t>
            </a:r>
            <a:r>
              <a:rPr lang="en-US" sz="1800" dirty="0"/>
              <a:t>file located at </a:t>
            </a:r>
            <a:r>
              <a:rPr lang="en-US" sz="1800" b="1" i="1" dirty="0" err="1"/>
              <a:t>ads_driver</a:t>
            </a:r>
            <a:r>
              <a:rPr lang="en-US" sz="1800" b="1" i="1" dirty="0"/>
              <a:t> </a:t>
            </a:r>
            <a:r>
              <a:rPr lang="en-US" sz="1800" dirty="0"/>
              <a:t>folder</a:t>
            </a:r>
          </a:p>
          <a:p>
            <a:r>
              <a:rPr lang="en-US" sz="1800" dirty="0"/>
              <a:t>Change the command </a:t>
            </a:r>
            <a:r>
              <a:rPr lang="en-US" sz="1800" dirty="0">
                <a:solidFill>
                  <a:srgbClr val="789D4A"/>
                </a:solidFill>
              </a:rPr>
              <a:t>ADS_DFU_CHECK(1) </a:t>
            </a:r>
            <a:r>
              <a:rPr lang="en-US" sz="1800" dirty="0"/>
              <a:t>to </a:t>
            </a:r>
            <a:r>
              <a:rPr lang="en-US" sz="1800" dirty="0">
                <a:solidFill>
                  <a:schemeClr val="accent6">
                    <a:lumMod val="75000"/>
                  </a:schemeClr>
                </a:solidFill>
              </a:rPr>
              <a:t>ADS_DFU_CHECK(0) </a:t>
            </a:r>
            <a:r>
              <a:rPr lang="en-US" sz="1800" dirty="0"/>
              <a:t>   </a:t>
            </a:r>
          </a:p>
          <a:p>
            <a:r>
              <a:rPr lang="en-US" sz="1800" dirty="0"/>
              <a:t>Save the changes</a:t>
            </a:r>
          </a:p>
          <a:p>
            <a:r>
              <a:rPr lang="en-US" sz="1800" dirty="0"/>
              <a:t>Download </a:t>
            </a:r>
            <a:r>
              <a:rPr lang="en-US" sz="1800" b="1" i="1" dirty="0"/>
              <a:t>SoRo_Tutorial_1 </a:t>
            </a:r>
            <a:r>
              <a:rPr lang="en-US" sz="1800" dirty="0"/>
              <a:t>sketch at </a:t>
            </a:r>
            <a:r>
              <a:rPr lang="en-US" sz="1800" dirty="0">
                <a:hlinkClick r:id="rId3"/>
              </a:rPr>
              <a:t>GitHub Link</a:t>
            </a:r>
            <a:endParaRPr lang="en-US" sz="1800" dirty="0"/>
          </a:p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</a:t>
            </a:r>
          </a:p>
          <a:p>
            <a:r>
              <a:rPr lang="en-US" sz="1800" dirty="0"/>
              <a:t>Compile and Upload </a:t>
            </a:r>
            <a:r>
              <a:rPr lang="en-US" sz="1800" b="1" i="1" dirty="0"/>
              <a:t>SoRo_Tutorial_1 </a:t>
            </a:r>
            <a:r>
              <a:rPr lang="en-US" sz="1800" dirty="0"/>
              <a:t>sketch at Arduino Uno Device</a:t>
            </a:r>
          </a:p>
          <a:p>
            <a:r>
              <a:rPr lang="en-US" sz="1800" dirty="0"/>
              <a:t>Open the serial monitor</a:t>
            </a:r>
          </a:p>
          <a:p>
            <a:r>
              <a:rPr lang="en-US" sz="1800" dirty="0"/>
              <a:t>Put the Bendlabs sensor in the 0° position</a:t>
            </a:r>
          </a:p>
          <a:p>
            <a:r>
              <a:rPr lang="en-US" sz="1800" dirty="0"/>
              <a:t>Type </a:t>
            </a:r>
            <a:r>
              <a:rPr lang="en-US" sz="1800" dirty="0">
                <a:solidFill>
                  <a:srgbClr val="789D4A"/>
                </a:solidFill>
              </a:rPr>
              <a:t>0</a:t>
            </a:r>
            <a:r>
              <a:rPr lang="en-US" sz="1800" dirty="0"/>
              <a:t> and press </a:t>
            </a:r>
            <a:r>
              <a:rPr lang="en-US" sz="1800" dirty="0">
                <a:solidFill>
                  <a:srgbClr val="789D4A"/>
                </a:solidFill>
              </a:rPr>
              <a:t>Enter</a:t>
            </a:r>
          </a:p>
          <a:p>
            <a:r>
              <a:rPr lang="en-US" sz="1800" dirty="0"/>
              <a:t>Put the Bendlabs sensor in the 90° position</a:t>
            </a:r>
          </a:p>
          <a:p>
            <a:r>
              <a:rPr lang="en-US" sz="1800" dirty="0"/>
              <a:t>Type </a:t>
            </a:r>
            <a:r>
              <a:rPr lang="en-US" sz="1800" dirty="0">
                <a:solidFill>
                  <a:srgbClr val="789D4A"/>
                </a:solidFill>
              </a:rPr>
              <a:t>9</a:t>
            </a:r>
            <a:r>
              <a:rPr lang="en-US" sz="1800" dirty="0"/>
              <a:t> and press </a:t>
            </a:r>
            <a:r>
              <a:rPr lang="en-US" sz="1800" dirty="0">
                <a:solidFill>
                  <a:srgbClr val="789D4A"/>
                </a:solidFill>
              </a:rPr>
              <a:t>Enter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93DA381-5EF2-1A68-3F15-4D3038AE5E3F}"/>
              </a:ext>
            </a:extLst>
          </p:cNvPr>
          <p:cNvSpPr txBox="1"/>
          <p:nvPr/>
        </p:nvSpPr>
        <p:spPr>
          <a:xfrm>
            <a:off x="9161471" y="563980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/>
              <a:t>SoRo_Tutorial_1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D76F656D-F5E6-0C2D-8C5D-30D449160EE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094207" y="1358825"/>
            <a:ext cx="1748790" cy="1748790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2FC85C4D-F3DB-C7BF-D021-15EC30C3B830}"/>
              </a:ext>
            </a:extLst>
          </p:cNvPr>
          <p:cNvSpPr txBox="1"/>
          <p:nvPr/>
        </p:nvSpPr>
        <p:spPr>
          <a:xfrm>
            <a:off x="9270781" y="316893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 err="1"/>
              <a:t>Ads_driver</a:t>
            </a:r>
            <a:r>
              <a:rPr lang="da-DK" sz="900" b="1" dirty="0"/>
              <a:t> 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9C3F26D0-EEFA-C91B-2FBE-7826718CA2DE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93729" y="3949350"/>
            <a:ext cx="1649268" cy="16492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46729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3A6D30-47B9-485E-92A2-364BFE6A7756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F711817-ABA3-4E21-A111-1A9D38ACA3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9318" y="2524125"/>
            <a:ext cx="11249025" cy="90487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3F422F26-D615-4BE7-B24E-7EC4CE65051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1879" y="3719143"/>
            <a:ext cx="7743825" cy="55245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BAFF134-7F41-4FD0-9EEC-A081A0E11909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594"/>
          <a:stretch/>
        </p:blipFill>
        <p:spPr>
          <a:xfrm>
            <a:off x="539318" y="4509900"/>
            <a:ext cx="5495925" cy="120583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5D064AE-81D2-26B1-10EE-B1311DFD915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6029997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3:</a:t>
            </a:r>
            <a:br>
              <a:rPr lang="en-GB" sz="5800" dirty="0"/>
            </a:br>
            <a:r>
              <a:rPr lang="en-GB" sz="5800" dirty="0"/>
              <a:t>Conductive Rubber Cord Sensor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5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6443743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B27F560-D2DB-4E33-9FC9-98C94F16CF3E}" type="datetime1">
              <a:rPr lang="en-GB" smtClean="0"/>
              <a:t>05/09/2022</a:t>
            </a:fld>
            <a:endParaRPr lang="en-GB" dirty="0"/>
          </a:p>
        </p:txBody>
      </p:sp>
      <p:pic>
        <p:nvPicPr>
          <p:cNvPr id="4" name="Picture 3" descr="A picture containing text, electronics, screenshot&#10;&#10;Description automatically generated">
            <a:extLst>
              <a:ext uri="{FF2B5EF4-FFF2-40B4-BE49-F238E27FC236}">
                <a16:creationId xmlns:a16="http://schemas.microsoft.com/office/drawing/2014/main" id="{44A823CB-31C0-4FD7-8505-A1171A10B9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99228" y="1616771"/>
            <a:ext cx="6989445" cy="365909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BD044C24-3C45-47FB-897D-5BA0F1417B45}"/>
              </a:ext>
            </a:extLst>
          </p:cNvPr>
          <p:cNvSpPr txBox="1"/>
          <p:nvPr/>
        </p:nvSpPr>
        <p:spPr>
          <a:xfrm>
            <a:off x="5661169" y="5251791"/>
            <a:ext cx="425712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Conductive Rubber Cord Sensor – Arduino connection diagram</a:t>
            </a:r>
            <a:endParaRPr lang="da-DK" sz="900" b="1" dirty="0"/>
          </a:p>
        </p:txBody>
      </p:sp>
      <p:pic>
        <p:nvPicPr>
          <p:cNvPr id="2050" name="Picture 2" descr="Conductive Rubber Cord Stretch Sensor + extras!">
            <a:extLst>
              <a:ext uri="{FF2B5EF4-FFF2-40B4-BE49-F238E27FC236}">
                <a16:creationId xmlns:a16="http://schemas.microsoft.com/office/drawing/2014/main" id="{3552111D-8EB6-481E-ADBD-FFE1A6B423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3327" y="1890990"/>
            <a:ext cx="3586282" cy="26915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FDEE8B1-EC50-4ED2-A9EC-D0D60F16F4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35102" y="4734490"/>
            <a:ext cx="3442827" cy="83079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1CA7013-9082-4CED-A6A1-23420C3EA1E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0560" y="1292712"/>
            <a:ext cx="1476375" cy="55245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5A6E39E-41CF-2611-5D75-DBFBEF78D200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43877002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htOAZrtBkYeKQuFdR2Q0A=="}]}]]></Templafy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cd9741c8-8789-4c25-acf2-07e462de9c42","elementConfiguration":{"format":"{{DateFormats.MonthYear}}","binding":"Form.Date","disableUpdates":false,"type":"date"}},{"type":"shape","id":"8c7c9c3c-6f56-411a-89c2-4779e9849385","elementConfiguration":{"binding":"UserProfile.Institut.InstituteDCU_{{DocumentLanguage}}","disableUpdates":false,"type":"text"}},{"type":"shape","id":"92df3218-2473-47f4-9860-43a98e4e250c","elementConfiguration":{"binding":"UserProfile.Institut.InstituteDCU_{{DocumentLanguage}}","disableUpdates":false,"type":"text"}},{"type":"shape","id":"b346f40c-f13c-4a58-820b-5140e4ebe935","elementConfiguration":{"format":"{{DateFormats.MonthYear}}","binding":"Form.Date","disableUpdates":false,"type":"date"}},{"type":"shape","id":"35bf690c-838b-4fd7-85cd-cb0fbdb4c8c2","elementConfiguration":{"binding":"UserProfile.Institut.InstituteDCU_{{DocumentLanguage}}","disableUpdates":false,"type":"text"}},{"type":"shape","id":"909b52da-edda-4361-a03a-5e8d32a9e95b","elementConfiguration":{"format":"{{DateFormats.MonthYear}}","binding":"Form.Date","disableUpdates":false,"type":"date"}},{"type":"shape","id":"b7e5f2a0-79b4-4df1-9927-b970af9eddbc","elementConfiguration":{"binding":"UserProfile.Institut.InstituteDCU_{{DocumentLanguage}}","disableUpdates":false,"type":"text"}},{"type":"shape","id":"03113827-e04d-43e1-84ca-7889c6030572","elementConfiguration":{"format":"{{DateFormats.MonthYear}}","binding":"Form.Date","disableUpdates":false,"type":"date"}},{"type":"shape","id":"f084c6c0-5e85-4951-acfe-94e4f2b8e005","elementConfiguration":{"format":"{{DateFormats.MonthYear}}","binding":"Form.Date","disableUpdates":false,"type":"date"}},{"type":"shape","id":"92ae4fbc-84fa-413a-80b0-e47c00552c60","elementConfiguration":{"binding":"UserProfile.Institut.InstituteDCU_{{DocumentLanguage}}","disableUpdates":false,"type":"text"}},{"type":"shape","id":"10cdd606-091a-4f48-a446-41b2aa1aab67","elementConfiguration":{"binding":"UserProfile.Institut.InstituteDCU_{{DocumentLanguage}}","disableUpdates":false,"type":"text"}},{"type":"shape","id":"cec31f44-2b9b-4ebf-bef4-bf4db7bb7df1","elementConfiguration":{"binding":"UserProfile.Institut.InstituteDCU_{{DocumentLanguage}}","disableUpdates":false,"type":"text"}},{"type":"shape","id":"3953907f-4fb2-4af6-8b51-26ec4cce2240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A57C0D19-358B-4753-8DA4-9204CEA2F95F}">
  <ds:schemaRefs/>
</ds:datastoreItem>
</file>

<file path=customXml/itemProps10.xml><?xml version="1.0" encoding="utf-8"?>
<ds:datastoreItem xmlns:ds="http://schemas.openxmlformats.org/officeDocument/2006/customXml" ds:itemID="{923BA519-6502-4EA6-B0FB-C867A3D8FB98}">
  <ds:schemaRefs/>
</ds:datastoreItem>
</file>

<file path=customXml/itemProps11.xml><?xml version="1.0" encoding="utf-8"?>
<ds:datastoreItem xmlns:ds="http://schemas.openxmlformats.org/officeDocument/2006/customXml" ds:itemID="{C5CD5A01-6378-494D-B71B-D23DEC9A120C}">
  <ds:schemaRefs/>
</ds:datastoreItem>
</file>

<file path=customXml/itemProps12.xml><?xml version="1.0" encoding="utf-8"?>
<ds:datastoreItem xmlns:ds="http://schemas.openxmlformats.org/officeDocument/2006/customXml" ds:itemID="{A078B4FF-09BD-41CC-9B29-FE1B7D89E18C}">
  <ds:schemaRefs/>
</ds:datastoreItem>
</file>

<file path=customXml/itemProps13.xml><?xml version="1.0" encoding="utf-8"?>
<ds:datastoreItem xmlns:ds="http://schemas.openxmlformats.org/officeDocument/2006/customXml" ds:itemID="{C4661244-55D4-40CB-87F8-D12D6D1E5278}">
  <ds:schemaRefs/>
</ds:datastoreItem>
</file>

<file path=customXml/itemProps14.xml><?xml version="1.0" encoding="utf-8"?>
<ds:datastoreItem xmlns:ds="http://schemas.openxmlformats.org/officeDocument/2006/customXml" ds:itemID="{C83BBD83-B3C3-47BA-B125-6A2A1A31FA48}">
  <ds:schemaRefs/>
</ds:datastoreItem>
</file>

<file path=customXml/itemProps2.xml><?xml version="1.0" encoding="utf-8"?>
<ds:datastoreItem xmlns:ds="http://schemas.openxmlformats.org/officeDocument/2006/customXml" ds:itemID="{23A422EE-19EB-460A-8CC2-72292EB01E2F}">
  <ds:schemaRefs/>
</ds:datastoreItem>
</file>

<file path=customXml/itemProps3.xml><?xml version="1.0" encoding="utf-8"?>
<ds:datastoreItem xmlns:ds="http://schemas.openxmlformats.org/officeDocument/2006/customXml" ds:itemID="{80A386E5-FB57-411F-ACEC-E4C4608EF981}">
  <ds:schemaRefs/>
</ds:datastoreItem>
</file>

<file path=customXml/itemProps4.xml><?xml version="1.0" encoding="utf-8"?>
<ds:datastoreItem xmlns:ds="http://schemas.openxmlformats.org/officeDocument/2006/customXml" ds:itemID="{D4D35282-BEDA-429D-9192-ACF771B29A85}">
  <ds:schemaRefs/>
</ds:datastoreItem>
</file>

<file path=customXml/itemProps5.xml><?xml version="1.0" encoding="utf-8"?>
<ds:datastoreItem xmlns:ds="http://schemas.openxmlformats.org/officeDocument/2006/customXml" ds:itemID="{8CA70B28-CACC-45C6-8E39-ED02582859E9}">
  <ds:schemaRefs/>
</ds:datastoreItem>
</file>

<file path=customXml/itemProps6.xml><?xml version="1.0" encoding="utf-8"?>
<ds:datastoreItem xmlns:ds="http://schemas.openxmlformats.org/officeDocument/2006/customXml" ds:itemID="{C484C70F-0F64-4774-853F-19FDF7E1F81D}">
  <ds:schemaRefs/>
</ds:datastoreItem>
</file>

<file path=customXml/itemProps7.xml><?xml version="1.0" encoding="utf-8"?>
<ds:datastoreItem xmlns:ds="http://schemas.openxmlformats.org/officeDocument/2006/customXml" ds:itemID="{43723FED-A2E0-415E-8B28-139637BC092B}">
  <ds:schemaRefs/>
</ds:datastoreItem>
</file>

<file path=customXml/itemProps8.xml><?xml version="1.0" encoding="utf-8"?>
<ds:datastoreItem xmlns:ds="http://schemas.openxmlformats.org/officeDocument/2006/customXml" ds:itemID="{38B69043-C0D1-4478-8C3C-F54850531D8E}">
  <ds:schemaRefs/>
</ds:datastoreItem>
</file>

<file path=customXml/itemProps9.xml><?xml version="1.0" encoding="utf-8"?>
<ds:datastoreItem xmlns:ds="http://schemas.openxmlformats.org/officeDocument/2006/customXml" ds:itemID="{06CE3761-89D3-4A8E-8EB2-9214574F9FD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63</Words>
  <Application>Microsoft Office PowerPoint</Application>
  <PresentationFormat>Widescreen</PresentationFormat>
  <Paragraphs>91</Paragraphs>
  <Slides>15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8" baseType="lpstr">
      <vt:lpstr>Arial</vt:lpstr>
      <vt:lpstr>Wingdings</vt:lpstr>
      <vt:lpstr>Blank</vt:lpstr>
      <vt:lpstr>Introduction to Soft Robotics   Autumn 2022  Instructors: Ahmad Rafsanjani, Jonas Jørgensen</vt:lpstr>
      <vt:lpstr>Part 1: Arduino 101</vt:lpstr>
      <vt:lpstr>PowerPoint Presentation</vt:lpstr>
      <vt:lpstr>Part 2: MPX5100 Integrated Silicon Pressure Sensor</vt:lpstr>
      <vt:lpstr>PowerPoint Presentation</vt:lpstr>
      <vt:lpstr>Code Information</vt:lpstr>
      <vt:lpstr>Code Information</vt:lpstr>
      <vt:lpstr>Part 3: Conductive Rubber Cord Sensor </vt:lpstr>
      <vt:lpstr>PowerPoint Presentation</vt:lpstr>
      <vt:lpstr>Code Information</vt:lpstr>
      <vt:lpstr>Part 4: Bendlabs sensor</vt:lpstr>
      <vt:lpstr>PowerPoint Presentation</vt:lpstr>
      <vt:lpstr>Code Information</vt:lpstr>
      <vt:lpstr>Part 5: System integration 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troduction to Soft Robotics</dc:title>
  <dc:creator/>
  <cp:lastModifiedBy/>
  <cp:revision>11</cp:revision>
  <dcterms:created xsi:type="dcterms:W3CDTF">2019-01-15T10:32:39Z</dcterms:created>
  <dcterms:modified xsi:type="dcterms:W3CDTF">2022-09-05T09:28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25711249633119</vt:lpwstr>
  </property>
  <property fmtid="{D5CDD505-2E9C-101B-9397-08002B2CF9AE}" pid="6" name="TemplafyLanguageCode">
    <vt:lpwstr>en-GB</vt:lpwstr>
  </property>
</Properties>
</file>